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7010\Downloads\"/>
    </mc:Choice>
  </mc:AlternateContent>
  <xr:revisionPtr revIDLastSave="0" documentId="13_ncr:1_{72E94788-2E43-420C-8DE4-66420E55846B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入会申込書" sheetId="1" r:id="rId1"/>
    <sheet name="学校番号" sheetId="2" r:id="rId2"/>
  </sheets>
  <definedNames>
    <definedName name="_xlnm.Print_Area" localSheetId="0">入会申込書!$A$1:$F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01" uniqueCount="488">
  <si>
    <t>地区
番号</t>
    <rPh sb="0" eb="2">
      <t>チク</t>
    </rPh>
    <rPh sb="3" eb="5">
      <t>バンゴウ</t>
    </rPh>
    <phoneticPr fontId="2"/>
  </si>
  <si>
    <t>学校
番号</t>
    <rPh sb="0" eb="2">
      <t>ガッコウ</t>
    </rPh>
    <rPh sb="3" eb="5">
      <t>バンゴウ</t>
    </rPh>
    <phoneticPr fontId="2"/>
  </si>
  <si>
    <t>学校名</t>
    <rPh sb="0" eb="3">
      <t>ガッコウメイ</t>
    </rPh>
    <phoneticPr fontId="2"/>
  </si>
  <si>
    <t>学校所在地</t>
    <rPh sb="0" eb="2">
      <t>ガッコウ</t>
    </rPh>
    <rPh sb="2" eb="5">
      <t>ショザイチ</t>
    </rPh>
    <phoneticPr fontId="2"/>
  </si>
  <si>
    <t>〒</t>
    <phoneticPr fontId="2"/>
  </si>
  <si>
    <t>TEL</t>
    <phoneticPr fontId="2"/>
  </si>
  <si>
    <t>FAX</t>
    <phoneticPr fontId="2"/>
  </si>
  <si>
    <t>公文書用E-mail</t>
    <rPh sb="0" eb="3">
      <t>コウブンショ</t>
    </rPh>
    <rPh sb="3" eb="4">
      <t>ヨウ</t>
    </rPh>
    <phoneticPr fontId="2"/>
  </si>
  <si>
    <t>学校長名</t>
    <rPh sb="0" eb="2">
      <t>ガッコウ</t>
    </rPh>
    <rPh sb="2" eb="3">
      <t>チョウ</t>
    </rPh>
    <rPh sb="3" eb="4">
      <t>メイ</t>
    </rPh>
    <phoneticPr fontId="2"/>
  </si>
  <si>
    <t>視聴覚担当</t>
    <rPh sb="0" eb="3">
      <t>シチョウカク</t>
    </rPh>
    <rPh sb="3" eb="5">
      <t>タントウ</t>
    </rPh>
    <phoneticPr fontId="2"/>
  </si>
  <si>
    <t>放送部（委員会）
顧問名</t>
    <rPh sb="0" eb="3">
      <t>ホウソウブ</t>
    </rPh>
    <rPh sb="4" eb="7">
      <t>イインカイ</t>
    </rPh>
    <rPh sb="9" eb="11">
      <t>コモン</t>
    </rPh>
    <rPh sb="11" eb="12">
      <t>メイ</t>
    </rPh>
    <phoneticPr fontId="2"/>
  </si>
  <si>
    <t>No</t>
    <phoneticPr fontId="2"/>
  </si>
  <si>
    <t>会員氏名</t>
    <rPh sb="0" eb="2">
      <t>カイイン</t>
    </rPh>
    <rPh sb="2" eb="4">
      <t>シメイ</t>
    </rPh>
    <phoneticPr fontId="2"/>
  </si>
  <si>
    <t>担当教科</t>
    <rPh sb="0" eb="2">
      <t>タントウ</t>
    </rPh>
    <rPh sb="2" eb="4">
      <t>キョウカ</t>
    </rPh>
    <phoneticPr fontId="2"/>
  </si>
  <si>
    <t>e-mail：</t>
    <phoneticPr fontId="2"/>
  </si>
  <si>
    <t>地区</t>
    <rPh sb="0" eb="2">
      <t>チク</t>
    </rPh>
    <phoneticPr fontId="11"/>
  </si>
  <si>
    <t>放送文化
学校番号</t>
    <rPh sb="0" eb="2">
      <t>ホウソウ</t>
    </rPh>
    <rPh sb="2" eb="4">
      <t>ブンカ</t>
    </rPh>
    <rPh sb="5" eb="7">
      <t>ガッコウ</t>
    </rPh>
    <rPh sb="7" eb="9">
      <t>バンゴウ</t>
    </rPh>
    <phoneticPr fontId="11"/>
  </si>
  <si>
    <t>学校名</t>
    <rPh sb="0" eb="3">
      <t>ガッコウメイ</t>
    </rPh>
    <phoneticPr fontId="11"/>
  </si>
  <si>
    <t>地区番号</t>
    <rPh sb="0" eb="2">
      <t>チク</t>
    </rPh>
    <rPh sb="2" eb="4">
      <t>バンゴウ</t>
    </rPh>
    <phoneticPr fontId="2"/>
  </si>
  <si>
    <t>0019</t>
  </si>
  <si>
    <t>尼崎小田</t>
  </si>
  <si>
    <t>阪神・丹有</t>
    <rPh sb="0" eb="2">
      <t>ハンシン</t>
    </rPh>
    <rPh sb="3" eb="5">
      <t>タンユウ</t>
    </rPh>
    <phoneticPr fontId="2"/>
  </si>
  <si>
    <t>0020</t>
  </si>
  <si>
    <t>尼崎稲園</t>
  </si>
  <si>
    <t>神戸</t>
    <rPh sb="0" eb="2">
      <t>コウベ</t>
    </rPh>
    <phoneticPr fontId="2"/>
  </si>
  <si>
    <t>0021</t>
  </si>
  <si>
    <t>東播・淡路</t>
    <rPh sb="0" eb="1">
      <t>トウ</t>
    </rPh>
    <rPh sb="1" eb="2">
      <t>バン</t>
    </rPh>
    <rPh sb="3" eb="5">
      <t>アワジ</t>
    </rPh>
    <phoneticPr fontId="2"/>
  </si>
  <si>
    <t>0022</t>
  </si>
  <si>
    <t>尼崎北</t>
  </si>
  <si>
    <t>西播・但馬</t>
    <rPh sb="0" eb="2">
      <t>セイバン</t>
    </rPh>
    <rPh sb="3" eb="5">
      <t>タジマ</t>
    </rPh>
    <phoneticPr fontId="2"/>
  </si>
  <si>
    <t>0024</t>
  </si>
  <si>
    <t>尼崎西</t>
  </si>
  <si>
    <t>0025</t>
  </si>
  <si>
    <t>0026</t>
  </si>
  <si>
    <t>伊丹北</t>
  </si>
  <si>
    <t>0027</t>
  </si>
  <si>
    <t>伊丹西</t>
  </si>
  <si>
    <t>0028</t>
  </si>
  <si>
    <t>川西緑台</t>
  </si>
  <si>
    <t>0029</t>
  </si>
  <si>
    <t>川西明峰</t>
  </si>
  <si>
    <t>0030</t>
  </si>
  <si>
    <t>川西北陵</t>
  </si>
  <si>
    <t>0031</t>
  </si>
  <si>
    <t>猪名川</t>
  </si>
  <si>
    <t>0032</t>
  </si>
  <si>
    <t>0033</t>
  </si>
  <si>
    <t>鳴尾</t>
  </si>
  <si>
    <t>0034</t>
  </si>
  <si>
    <t>西宮北</t>
  </si>
  <si>
    <t>0035</t>
  </si>
  <si>
    <t>西宮甲山</t>
  </si>
  <si>
    <t>0036</t>
  </si>
  <si>
    <t>西宮南</t>
  </si>
  <si>
    <t>0037</t>
  </si>
  <si>
    <t>0038</t>
  </si>
  <si>
    <t>宝塚</t>
  </si>
  <si>
    <t>0039</t>
  </si>
  <si>
    <t>宝塚東</t>
  </si>
  <si>
    <t>0040</t>
  </si>
  <si>
    <t>宝塚北</t>
  </si>
  <si>
    <t>0041</t>
  </si>
  <si>
    <t>宝塚西</t>
  </si>
  <si>
    <t>0042</t>
  </si>
  <si>
    <t>芦屋</t>
  </si>
  <si>
    <t>0044</t>
  </si>
  <si>
    <t>北摂三田</t>
  </si>
  <si>
    <t>0045</t>
  </si>
  <si>
    <t>三田西陵</t>
  </si>
  <si>
    <t>0046</t>
  </si>
  <si>
    <t>三田祥雲館</t>
  </si>
  <si>
    <t>0047</t>
  </si>
  <si>
    <t>柏原</t>
  </si>
  <si>
    <t>0048</t>
  </si>
  <si>
    <t>氷上西</t>
  </si>
  <si>
    <t>0049</t>
  </si>
  <si>
    <t>篠山鳳鳴</t>
  </si>
  <si>
    <t>0103</t>
  </si>
  <si>
    <t>有馬</t>
  </si>
  <si>
    <t>有馬・定</t>
  </si>
  <si>
    <t>0104</t>
  </si>
  <si>
    <t>氷上</t>
  </si>
  <si>
    <t>0116</t>
  </si>
  <si>
    <t>尼崎工業</t>
  </si>
  <si>
    <t>0118</t>
  </si>
  <si>
    <t>篠山産業</t>
  </si>
  <si>
    <t>0133</t>
  </si>
  <si>
    <t>尼崎南</t>
  </si>
  <si>
    <t>0135</t>
  </si>
  <si>
    <t>0141</t>
  </si>
  <si>
    <t>神崎工業</t>
  </si>
  <si>
    <t>0146</t>
  </si>
  <si>
    <t>0148</t>
  </si>
  <si>
    <t>市立尼崎</t>
  </si>
  <si>
    <t>0149</t>
  </si>
  <si>
    <t>0150</t>
  </si>
  <si>
    <t>0151</t>
  </si>
  <si>
    <t>0152</t>
  </si>
  <si>
    <t>0153</t>
  </si>
  <si>
    <t>0154</t>
  </si>
  <si>
    <t>市立西宮東</t>
  </si>
  <si>
    <t>0155</t>
  </si>
  <si>
    <t>0156</t>
  </si>
  <si>
    <t>市立伊丹</t>
  </si>
  <si>
    <t>0157</t>
  </si>
  <si>
    <t>0432</t>
  </si>
  <si>
    <t>1172</t>
  </si>
  <si>
    <t>1182</t>
  </si>
  <si>
    <t>1183</t>
  </si>
  <si>
    <t>1352</t>
  </si>
  <si>
    <t>2001</t>
  </si>
  <si>
    <t>2002</t>
  </si>
  <si>
    <t>雲雀丘学園</t>
  </si>
  <si>
    <t>2003</t>
  </si>
  <si>
    <t>小林聖心</t>
  </si>
  <si>
    <t>2004</t>
  </si>
  <si>
    <t>園田学園</t>
  </si>
  <si>
    <t>2005</t>
  </si>
  <si>
    <t>百合学院</t>
  </si>
  <si>
    <t>2006</t>
  </si>
  <si>
    <t>2007</t>
  </si>
  <si>
    <t>三田学園</t>
  </si>
  <si>
    <t>2008</t>
  </si>
  <si>
    <t>仁川学院</t>
  </si>
  <si>
    <t>2011</t>
  </si>
  <si>
    <t>2012</t>
  </si>
  <si>
    <t>関西学院</t>
  </si>
  <si>
    <t>2013</t>
  </si>
  <si>
    <t>報徳学園</t>
  </si>
  <si>
    <t>2014</t>
  </si>
  <si>
    <t>甲陽学院</t>
  </si>
  <si>
    <t>2018</t>
  </si>
  <si>
    <t>甲南</t>
  </si>
  <si>
    <t>2019</t>
  </si>
  <si>
    <t>神戸女学院</t>
  </si>
  <si>
    <t>2020</t>
  </si>
  <si>
    <t>2021</t>
  </si>
  <si>
    <t>甲子園学院</t>
  </si>
  <si>
    <t>3001</t>
  </si>
  <si>
    <t>0001</t>
  </si>
  <si>
    <t>0002</t>
  </si>
  <si>
    <t>東灘</t>
  </si>
  <si>
    <t>0003</t>
  </si>
  <si>
    <t>御影</t>
  </si>
  <si>
    <t>0004</t>
  </si>
  <si>
    <t>神戸</t>
  </si>
  <si>
    <t>0005</t>
  </si>
  <si>
    <t>夢野台</t>
  </si>
  <si>
    <t>0006</t>
  </si>
  <si>
    <t>兵庫</t>
  </si>
  <si>
    <t>0007</t>
  </si>
  <si>
    <t>0008</t>
  </si>
  <si>
    <t>0009</t>
  </si>
  <si>
    <t>神戸北</t>
  </si>
  <si>
    <t>0010</t>
  </si>
  <si>
    <t>神戸甲北</t>
  </si>
  <si>
    <t>0011</t>
  </si>
  <si>
    <t>長田</t>
  </si>
  <si>
    <t>0012</t>
  </si>
  <si>
    <t>須磨東</t>
  </si>
  <si>
    <t>0013</t>
  </si>
  <si>
    <t>北須磨</t>
  </si>
  <si>
    <t>0014</t>
  </si>
  <si>
    <t>須磨友が丘</t>
  </si>
  <si>
    <t>0015</t>
  </si>
  <si>
    <t>星陵</t>
  </si>
  <si>
    <t>0016</t>
  </si>
  <si>
    <t>舞子</t>
  </si>
  <si>
    <t>0017</t>
  </si>
  <si>
    <t>伊川谷北</t>
  </si>
  <si>
    <t>0018</t>
  </si>
  <si>
    <t>伊川谷</t>
  </si>
  <si>
    <t>0115</t>
  </si>
  <si>
    <t>神戸高塚</t>
  </si>
  <si>
    <t>0128</t>
  </si>
  <si>
    <t>兵庫工業</t>
  </si>
  <si>
    <t>0132</t>
  </si>
  <si>
    <t>神戸商業</t>
  </si>
  <si>
    <t>0140</t>
  </si>
  <si>
    <t>湊川</t>
  </si>
  <si>
    <t>0144</t>
  </si>
  <si>
    <t>0145</t>
  </si>
  <si>
    <t>長田商業</t>
  </si>
  <si>
    <t>1501</t>
  </si>
  <si>
    <t>青雲</t>
  </si>
  <si>
    <t>1503</t>
  </si>
  <si>
    <t>1504</t>
  </si>
  <si>
    <t>1505</t>
  </si>
  <si>
    <t>*NO.2040参照</t>
    <rPh sb="8" eb="10">
      <t>サンショウ</t>
    </rPh>
    <phoneticPr fontId="2"/>
  </si>
  <si>
    <t>1506</t>
  </si>
  <si>
    <t>1507</t>
  </si>
  <si>
    <t>1508</t>
  </si>
  <si>
    <t>1509</t>
  </si>
  <si>
    <t>1510</t>
  </si>
  <si>
    <t>1511</t>
  </si>
  <si>
    <t>1512</t>
  </si>
  <si>
    <t>1513</t>
  </si>
  <si>
    <t>2009</t>
  </si>
  <si>
    <t>2010</t>
  </si>
  <si>
    <t>神戸第一</t>
  </si>
  <si>
    <t>2015</t>
  </si>
  <si>
    <t>2016</t>
  </si>
  <si>
    <t>灘</t>
  </si>
  <si>
    <t>2017</t>
  </si>
  <si>
    <t>2022</t>
  </si>
  <si>
    <t>神港学園</t>
  </si>
  <si>
    <t>2023</t>
  </si>
  <si>
    <t>甲南女子</t>
  </si>
  <si>
    <t>2024</t>
  </si>
  <si>
    <t>親和女子</t>
  </si>
  <si>
    <t>2025</t>
  </si>
  <si>
    <t>神戸海星</t>
  </si>
  <si>
    <t>2026</t>
  </si>
  <si>
    <t>松蔭</t>
  </si>
  <si>
    <t>2027</t>
  </si>
  <si>
    <t>2028</t>
  </si>
  <si>
    <t>2029</t>
  </si>
  <si>
    <t>2030</t>
  </si>
  <si>
    <t>神戸野田</t>
  </si>
  <si>
    <t>2031</t>
  </si>
  <si>
    <t>須磨学園</t>
  </si>
  <si>
    <t>2032</t>
  </si>
  <si>
    <t>神戸星城</t>
  </si>
  <si>
    <t>2034</t>
  </si>
  <si>
    <t>滝川第二</t>
  </si>
  <si>
    <t>2035</t>
  </si>
  <si>
    <t>2036</t>
  </si>
  <si>
    <t>2037</t>
  </si>
  <si>
    <t>育英</t>
  </si>
  <si>
    <t>2038</t>
  </si>
  <si>
    <t>滝川</t>
  </si>
  <si>
    <t>2039</t>
  </si>
  <si>
    <t>2040</t>
  </si>
  <si>
    <t>2041</t>
  </si>
  <si>
    <t>2042</t>
  </si>
  <si>
    <t>3002</t>
  </si>
  <si>
    <t>愛徳学園</t>
  </si>
  <si>
    <t>0050</t>
  </si>
  <si>
    <t>２地区その他の学校</t>
    <rPh sb="1" eb="3">
      <t>チク</t>
    </rPh>
    <phoneticPr fontId="11"/>
  </si>
  <si>
    <t>0051</t>
  </si>
  <si>
    <t>明石</t>
  </si>
  <si>
    <t>0052</t>
  </si>
  <si>
    <t>明石南</t>
  </si>
  <si>
    <t>0053</t>
  </si>
  <si>
    <t>明石北</t>
  </si>
  <si>
    <t>0054</t>
  </si>
  <si>
    <t>明石城西</t>
  </si>
  <si>
    <t>0055</t>
  </si>
  <si>
    <t>明石清水</t>
  </si>
  <si>
    <t>0056</t>
  </si>
  <si>
    <t>明石西</t>
  </si>
  <si>
    <t>0057</t>
  </si>
  <si>
    <t>加古川北</t>
  </si>
  <si>
    <t>0058</t>
  </si>
  <si>
    <t>加古川東</t>
  </si>
  <si>
    <t>0059</t>
  </si>
  <si>
    <t>加古川西</t>
  </si>
  <si>
    <t>0060</t>
  </si>
  <si>
    <t>加古川南</t>
  </si>
  <si>
    <t>0061</t>
  </si>
  <si>
    <t>高砂</t>
  </si>
  <si>
    <t>0062</t>
  </si>
  <si>
    <t>高砂南</t>
  </si>
  <si>
    <t>松陽</t>
  </si>
  <si>
    <t>0063</t>
  </si>
  <si>
    <t>0064</t>
  </si>
  <si>
    <t>東播磨</t>
  </si>
  <si>
    <t>0065</t>
  </si>
  <si>
    <t>播磨南</t>
  </si>
  <si>
    <t>0066</t>
  </si>
  <si>
    <t>西脇</t>
  </si>
  <si>
    <t>0067</t>
  </si>
  <si>
    <t>三木東</t>
  </si>
  <si>
    <t>0068</t>
  </si>
  <si>
    <t>三木</t>
  </si>
  <si>
    <t>0069</t>
  </si>
  <si>
    <t>三木北</t>
  </si>
  <si>
    <t>0070</t>
  </si>
  <si>
    <t>小野</t>
  </si>
  <si>
    <t>0071</t>
  </si>
  <si>
    <t>吉川</t>
  </si>
  <si>
    <t>0072</t>
  </si>
  <si>
    <t>社</t>
  </si>
  <si>
    <t>0073</t>
  </si>
  <si>
    <t>多可</t>
  </si>
  <si>
    <t>北条</t>
  </si>
  <si>
    <t>0099</t>
  </si>
  <si>
    <t>北条・定</t>
  </si>
  <si>
    <t>洲本</t>
  </si>
  <si>
    <t>0100</t>
  </si>
  <si>
    <t>津名</t>
  </si>
  <si>
    <t>0101</t>
  </si>
  <si>
    <t>0102</t>
  </si>
  <si>
    <t>0105</t>
  </si>
  <si>
    <t>農業</t>
  </si>
  <si>
    <t>0106</t>
  </si>
  <si>
    <t>農業・定</t>
  </si>
  <si>
    <t>0112</t>
  </si>
  <si>
    <t>播磨農業</t>
  </si>
  <si>
    <t>0119</t>
  </si>
  <si>
    <t>淡路</t>
  </si>
  <si>
    <t>0120</t>
  </si>
  <si>
    <t>東播工業</t>
  </si>
  <si>
    <t>0121</t>
  </si>
  <si>
    <t>西脇工業</t>
  </si>
  <si>
    <t>小野工業</t>
  </si>
  <si>
    <t>0127</t>
  </si>
  <si>
    <t>0136</t>
  </si>
  <si>
    <t>洲本実業</t>
  </si>
  <si>
    <t>0137</t>
  </si>
  <si>
    <t>錦城</t>
  </si>
  <si>
    <t>0158</t>
  </si>
  <si>
    <t>西脇北</t>
  </si>
  <si>
    <t>1122</t>
  </si>
  <si>
    <t>市立明石商業</t>
  </si>
  <si>
    <t>1272</t>
  </si>
  <si>
    <t>2043</t>
  </si>
  <si>
    <t>2033</t>
  </si>
  <si>
    <t>白陵</t>
  </si>
  <si>
    <t>3003</t>
  </si>
  <si>
    <t>0074</t>
  </si>
  <si>
    <t>0075</t>
  </si>
  <si>
    <t>姫路別所</t>
  </si>
  <si>
    <t>0076</t>
  </si>
  <si>
    <t>姫路東</t>
  </si>
  <si>
    <t>0077</t>
  </si>
  <si>
    <t>姫路西</t>
  </si>
  <si>
    <t>0078</t>
  </si>
  <si>
    <t>姫路飾西</t>
  </si>
  <si>
    <t>0079</t>
  </si>
  <si>
    <t>姫路南</t>
  </si>
  <si>
    <t>網干</t>
  </si>
  <si>
    <t>0080</t>
  </si>
  <si>
    <t>網干・通</t>
  </si>
  <si>
    <t>0081</t>
  </si>
  <si>
    <t>家島</t>
  </si>
  <si>
    <t>0082</t>
  </si>
  <si>
    <t>相生</t>
  </si>
  <si>
    <t>0083</t>
  </si>
  <si>
    <t>龍野</t>
  </si>
  <si>
    <t>0084</t>
  </si>
  <si>
    <t>太子</t>
  </si>
  <si>
    <t>赤穂</t>
  </si>
  <si>
    <t>0085</t>
  </si>
  <si>
    <t>赤穂・定</t>
  </si>
  <si>
    <t>0086</t>
  </si>
  <si>
    <t>福崎</t>
  </si>
  <si>
    <t>0087</t>
  </si>
  <si>
    <t>香寺</t>
  </si>
  <si>
    <t>0088</t>
  </si>
  <si>
    <t>神崎</t>
  </si>
  <si>
    <t>0089</t>
  </si>
  <si>
    <t>夢前</t>
  </si>
  <si>
    <t>0090</t>
  </si>
  <si>
    <t>伊和</t>
  </si>
  <si>
    <t>0091</t>
  </si>
  <si>
    <t>千種</t>
  </si>
  <si>
    <t>豊岡</t>
  </si>
  <si>
    <t>0093</t>
  </si>
  <si>
    <t>0094</t>
  </si>
  <si>
    <t>出石</t>
  </si>
  <si>
    <t>0096</t>
  </si>
  <si>
    <t>浜坂</t>
  </si>
  <si>
    <t>0097</t>
  </si>
  <si>
    <t>村岡</t>
  </si>
  <si>
    <t>0098</t>
  </si>
  <si>
    <t>八鹿</t>
  </si>
  <si>
    <t>0107</t>
  </si>
  <si>
    <t>生野</t>
  </si>
  <si>
    <t>0108</t>
  </si>
  <si>
    <t>上郡</t>
  </si>
  <si>
    <t>0109</t>
  </si>
  <si>
    <t>佐用</t>
  </si>
  <si>
    <t>0110</t>
  </si>
  <si>
    <t>0111</t>
  </si>
  <si>
    <t>日高</t>
  </si>
  <si>
    <t>0113</t>
  </si>
  <si>
    <t>但馬農業</t>
  </si>
  <si>
    <t>0114</t>
  </si>
  <si>
    <t>山崎</t>
  </si>
  <si>
    <t>0122</t>
  </si>
  <si>
    <t>香住</t>
  </si>
  <si>
    <t>飾磨工業</t>
  </si>
  <si>
    <t>0123</t>
  </si>
  <si>
    <t>0124</t>
  </si>
  <si>
    <t>姫路工業</t>
  </si>
  <si>
    <t>相生産業</t>
  </si>
  <si>
    <t>0125</t>
  </si>
  <si>
    <t>0129</t>
  </si>
  <si>
    <t>0130</t>
  </si>
  <si>
    <t>姫路商業</t>
  </si>
  <si>
    <t>0138</t>
  </si>
  <si>
    <t>和田山</t>
  </si>
  <si>
    <t>0147</t>
  </si>
  <si>
    <t>姫路北</t>
  </si>
  <si>
    <t>0159</t>
  </si>
  <si>
    <t>0160</t>
  </si>
  <si>
    <t>市立姫路</t>
  </si>
  <si>
    <t>0161</t>
  </si>
  <si>
    <t>市立琴丘</t>
  </si>
  <si>
    <t>0972</t>
  </si>
  <si>
    <t>市立飾磨</t>
  </si>
  <si>
    <t>1262</t>
  </si>
  <si>
    <t>2044</t>
  </si>
  <si>
    <t>2045</t>
  </si>
  <si>
    <t>2046</t>
  </si>
  <si>
    <t>市川</t>
  </si>
  <si>
    <t>2047</t>
  </si>
  <si>
    <t>2048</t>
  </si>
  <si>
    <t>生野学園</t>
  </si>
  <si>
    <t>2049</t>
  </si>
  <si>
    <t>淳心学院</t>
  </si>
  <si>
    <t>2050</t>
  </si>
  <si>
    <t>2051</t>
  </si>
  <si>
    <t>2052</t>
  </si>
  <si>
    <t>賢明女子学院</t>
  </si>
  <si>
    <t>3004</t>
  </si>
  <si>
    <t>日ノ本学園</t>
  </si>
  <si>
    <t>※ファイル名を学校名に変えて、shichoukaku@hyogo-c.ed.jpまでメールで送付ください。</t>
    <rPh sb="5" eb="6">
      <t>メイ</t>
    </rPh>
    <rPh sb="7" eb="10">
      <t>ガッコウメイ</t>
    </rPh>
    <rPh sb="11" eb="12">
      <t>カ</t>
    </rPh>
    <rPh sb="46" eb="48">
      <t>ソウフ</t>
    </rPh>
    <phoneticPr fontId="2"/>
  </si>
  <si>
    <t>※神戸村野工業より校名変更</t>
  </si>
  <si>
    <t>令和7年度兵庫県高等学校教育研究会視聴覚部会名簿（兼入会申込書）</t>
    <rPh sb="0" eb="2">
      <t>レイワ</t>
    </rPh>
    <phoneticPr fontId="2"/>
  </si>
  <si>
    <t>県立尼崎</t>
    <rPh sb="0" eb="2">
      <t>ケンリツ</t>
    </rPh>
    <rPh sb="2" eb="4">
      <t>アマガサキ</t>
    </rPh>
    <phoneticPr fontId="17"/>
  </si>
  <si>
    <t>県立伊丹</t>
  </si>
  <si>
    <t>県立西宮</t>
  </si>
  <si>
    <t>西宮今津</t>
  </si>
  <si>
    <t>西宮香風</t>
  </si>
  <si>
    <t>市立西宮</t>
  </si>
  <si>
    <t>阪神昆陽</t>
  </si>
  <si>
    <t>国際</t>
  </si>
  <si>
    <t>武庫荘総合</t>
  </si>
  <si>
    <t>篠山東雲</t>
    <rPh sb="0" eb="2">
      <t>ササヤマ</t>
    </rPh>
    <phoneticPr fontId="18"/>
  </si>
  <si>
    <t>芦屋国際中等教育学校</t>
    <rPh sb="6" eb="8">
      <t>キョウイク</t>
    </rPh>
    <rPh sb="8" eb="10">
      <t>ガッコウ</t>
    </rPh>
    <phoneticPr fontId="19"/>
  </si>
  <si>
    <t>市立尼崎双星</t>
    <rPh sb="0" eb="2">
      <t>シリツ</t>
    </rPh>
    <rPh sb="2" eb="4">
      <t>アマガサキ</t>
    </rPh>
    <rPh sb="4" eb="5">
      <t>ソウ</t>
    </rPh>
    <rPh sb="5" eb="6">
      <t>ホシ</t>
    </rPh>
    <phoneticPr fontId="19"/>
  </si>
  <si>
    <t>市立琴ノ浦</t>
    <rPh sb="0" eb="2">
      <t>イチリツ</t>
    </rPh>
    <rPh sb="2" eb="3">
      <t>コト</t>
    </rPh>
    <rPh sb="4" eb="5">
      <t>ウラ</t>
    </rPh>
    <phoneticPr fontId="19"/>
  </si>
  <si>
    <t>西宮苦楽園</t>
    <rPh sb="0" eb="5">
      <t>ニシノミヤクラクエン</t>
    </rPh>
    <phoneticPr fontId="17"/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18"/>
  </si>
  <si>
    <t>芦屋学園</t>
    <rPh sb="2" eb="4">
      <t>ガクエン</t>
    </rPh>
    <phoneticPr fontId="19"/>
  </si>
  <si>
    <t>武庫川女子大学附属</t>
    <rPh sb="3" eb="5">
      <t>ジョシ</t>
    </rPh>
    <rPh sb="5" eb="7">
      <t>ダイガク</t>
    </rPh>
    <phoneticPr fontId="18"/>
  </si>
  <si>
    <t>1地区その他の学校</t>
    <rPh sb="1" eb="3">
      <t>チク</t>
    </rPh>
    <phoneticPr fontId="18"/>
  </si>
  <si>
    <t>神戸鈴蘭台</t>
  </si>
  <si>
    <t>神戸工業</t>
  </si>
  <si>
    <t>六甲ｱｲﾗﾝﾄﾞ</t>
  </si>
  <si>
    <t>科学技術</t>
    <rPh sb="0" eb="2">
      <t>カガク</t>
    </rPh>
    <phoneticPr fontId="17"/>
  </si>
  <si>
    <t>葺合</t>
    <rPh sb="0" eb="2">
      <t>フキアイ</t>
    </rPh>
    <phoneticPr fontId="18"/>
  </si>
  <si>
    <t>摩耶兵庫</t>
  </si>
  <si>
    <t>神戸工科</t>
    <rPh sb="3" eb="4">
      <t>カ</t>
    </rPh>
    <phoneticPr fontId="17"/>
  </si>
  <si>
    <t>市立楠</t>
    <rPh sb="0" eb="2">
      <t>シリツ</t>
    </rPh>
    <phoneticPr fontId="18"/>
  </si>
  <si>
    <t>視覚特別支援学校</t>
    <rPh sb="0" eb="2">
      <t>シカク</t>
    </rPh>
    <rPh sb="2" eb="4">
      <t>トクベツ</t>
    </rPh>
    <rPh sb="4" eb="6">
      <t>シエン</t>
    </rPh>
    <rPh sb="6" eb="8">
      <t>ガッコウ</t>
    </rPh>
    <phoneticPr fontId="19"/>
  </si>
  <si>
    <t>須磨翔風</t>
    <rPh sb="0" eb="2">
      <t>スマ</t>
    </rPh>
    <phoneticPr fontId="18"/>
  </si>
  <si>
    <t>神港橘</t>
    <rPh sb="1" eb="2">
      <t>ミナト</t>
    </rPh>
    <phoneticPr fontId="19"/>
  </si>
  <si>
    <t>友生支援学校</t>
    <rPh sb="0" eb="1">
      <t>トモ</t>
    </rPh>
    <rPh sb="1" eb="2">
      <t>ナマ</t>
    </rPh>
    <rPh sb="2" eb="4">
      <t>シエン</t>
    </rPh>
    <rPh sb="4" eb="6">
      <t>ガッコウ</t>
    </rPh>
    <phoneticPr fontId="19"/>
  </si>
  <si>
    <t>市立盲学校</t>
  </si>
  <si>
    <t>青陽須磨支援学校</t>
    <rPh sb="0" eb="1">
      <t>アオ</t>
    </rPh>
    <rPh sb="1" eb="2">
      <t>ヨウ</t>
    </rPh>
    <rPh sb="2" eb="4">
      <t>スマ</t>
    </rPh>
    <rPh sb="4" eb="6">
      <t>シエン</t>
    </rPh>
    <rPh sb="6" eb="8">
      <t>ガッコウ</t>
    </rPh>
    <phoneticPr fontId="19"/>
  </si>
  <si>
    <t>いぶき明生支援学校</t>
    <rPh sb="7" eb="9">
      <t>ガッコウ</t>
    </rPh>
    <phoneticPr fontId="19"/>
  </si>
  <si>
    <t>北神戸総合</t>
    <rPh sb="0" eb="5">
      <t>キタコウベソウゴウ</t>
    </rPh>
    <phoneticPr fontId="17"/>
  </si>
  <si>
    <t>神戸学園都市</t>
    <rPh sb="0" eb="6">
      <t>コウベガクエントシ</t>
    </rPh>
    <phoneticPr fontId="17"/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18"/>
  </si>
  <si>
    <t>六甲学院</t>
    <rPh sb="2" eb="4">
      <t>ガクイン</t>
    </rPh>
    <phoneticPr fontId="17"/>
  </si>
  <si>
    <t>神戸龍谷</t>
    <rPh sb="0" eb="2">
      <t>コウベ</t>
    </rPh>
    <rPh sb="2" eb="4">
      <t>リュウコク</t>
    </rPh>
    <phoneticPr fontId="18"/>
  </si>
  <si>
    <t>神戸山手</t>
    <phoneticPr fontId="19"/>
  </si>
  <si>
    <t>神戸常盤</t>
    <rPh sb="2" eb="4">
      <t>トキワ</t>
    </rPh>
    <phoneticPr fontId="18"/>
  </si>
  <si>
    <t>神戸弘陵</t>
  </si>
  <si>
    <t>彩星工科</t>
    <rPh sb="0" eb="1">
      <t>イロド</t>
    </rPh>
    <rPh sb="1" eb="2">
      <t>ホシ</t>
    </rPh>
    <rPh sb="3" eb="4">
      <t>カ</t>
    </rPh>
    <phoneticPr fontId="17"/>
  </si>
  <si>
    <t>神戸国際大学附属</t>
    <rPh sb="5" eb="6">
      <t>ガク</t>
    </rPh>
    <rPh sb="7" eb="8">
      <t>ゾク</t>
    </rPh>
    <phoneticPr fontId="18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19"/>
  </si>
  <si>
    <t>啓明学院</t>
  </si>
  <si>
    <t>神戸国際</t>
  </si>
  <si>
    <t>夙川</t>
  </si>
  <si>
    <t>松陽（定）</t>
  </si>
  <si>
    <t>洲本・定</t>
  </si>
  <si>
    <t>淡路三原</t>
    <rPh sb="0" eb="2">
      <t>アワジ</t>
    </rPh>
    <phoneticPr fontId="19"/>
  </si>
  <si>
    <t>小野工業・定</t>
  </si>
  <si>
    <t>三木総合</t>
    <rPh sb="0" eb="2">
      <t>ミキ</t>
    </rPh>
    <rPh sb="2" eb="4">
      <t>ソウゴウ</t>
    </rPh>
    <phoneticPr fontId="17"/>
  </si>
  <si>
    <t>蒼開</t>
  </si>
  <si>
    <t>３地区その他の学校</t>
    <rPh sb="1" eb="3">
      <t>チク</t>
    </rPh>
    <phoneticPr fontId="18"/>
  </si>
  <si>
    <t>豊岡（定）</t>
  </si>
  <si>
    <t>飾磨工業（多）</t>
  </si>
  <si>
    <t>相生産業（定）</t>
  </si>
  <si>
    <t>県立大附属</t>
    <rPh sb="0" eb="2">
      <t>ケンリツ</t>
    </rPh>
    <phoneticPr fontId="18"/>
  </si>
  <si>
    <t>豊岡総合</t>
    <rPh sb="0" eb="1">
      <t>トヨ</t>
    </rPh>
    <phoneticPr fontId="18"/>
  </si>
  <si>
    <t>龍野北</t>
    <rPh sb="0" eb="2">
      <t>タツノ</t>
    </rPh>
    <rPh sb="2" eb="3">
      <t>キタ</t>
    </rPh>
    <phoneticPr fontId="19"/>
  </si>
  <si>
    <t>姫路海城</t>
    <rPh sb="0" eb="2">
      <t>ヒメジ</t>
    </rPh>
    <rPh sb="2" eb="3">
      <t>ウミ</t>
    </rPh>
    <rPh sb="3" eb="4">
      <t>シロ</t>
    </rPh>
    <phoneticPr fontId="17"/>
  </si>
  <si>
    <t>播磨福崎</t>
    <rPh sb="0" eb="2">
      <t>ハリマ</t>
    </rPh>
    <rPh sb="2" eb="4">
      <t>フクサキ</t>
    </rPh>
    <phoneticPr fontId="17"/>
  </si>
  <si>
    <t>東洋大附姫路</t>
  </si>
  <si>
    <t>近大附豊岡</t>
  </si>
  <si>
    <t>自由ヶ丘</t>
    <rPh sb="0" eb="2">
      <t>ジユウ</t>
    </rPh>
    <rPh sb="3" eb="4">
      <t>オカ</t>
    </rPh>
    <phoneticPr fontId="19"/>
  </si>
  <si>
    <t>姫路女学院</t>
    <rPh sb="0" eb="2">
      <t>ヒメジ</t>
    </rPh>
    <rPh sb="2" eb="5">
      <t>ジョガクイン</t>
    </rPh>
    <phoneticPr fontId="17"/>
  </si>
  <si>
    <t>４地区その他の学校</t>
    <rPh sb="1" eb="3">
      <t>チク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color theme="1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2"/>
      <color theme="1"/>
      <name val="ＭＳ Ｐ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14"/>
      <color theme="1"/>
      <name val="游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color theme="1"/>
      <name val="游ゴシック"/>
      <family val="3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11"/>
      <name val="ＭＳ ゴシック"/>
      <family val="3"/>
      <charset val="128"/>
    </font>
    <font>
      <sz val="10"/>
      <color theme="1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1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rgb="FFFFFF00"/>
        <bgColor indexed="64"/>
      </patternFill>
    </fill>
  </fills>
  <borders count="3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 diagonalDown="1"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auto="1"/>
      </diagonal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</borders>
  <cellStyleXfs count="2">
    <xf numFmtId="0" fontId="0" fillId="0" borderId="0">
      <alignment vertical="center"/>
    </xf>
    <xf numFmtId="0" fontId="10" fillId="0" borderId="0"/>
  </cellStyleXfs>
  <cellXfs count="80">
    <xf numFmtId="0" fontId="0" fillId="0" borderId="0" xfId="0">
      <alignment vertical="center"/>
    </xf>
    <xf numFmtId="0" fontId="0" fillId="0" borderId="1" xfId="0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0" fillId="0" borderId="2" xfId="0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0" fontId="0" fillId="0" borderId="1" xfId="0" applyBorder="1" applyAlignment="1">
      <alignment horizontal="center" vertical="center" shrinkToFit="1"/>
    </xf>
    <xf numFmtId="0" fontId="6" fillId="2" borderId="1" xfId="0" applyFont="1" applyFill="1" applyBorder="1" applyAlignment="1">
      <alignment horizontal="center" vertical="center" shrinkToFit="1"/>
    </xf>
    <xf numFmtId="0" fontId="0" fillId="2" borderId="1" xfId="0" applyFill="1" applyBorder="1" applyAlignment="1">
      <alignment horizontal="center" vertical="center" shrinkToFit="1"/>
    </xf>
    <xf numFmtId="0" fontId="7" fillId="0" borderId="1" xfId="0" applyFont="1" applyBorder="1" applyAlignment="1">
      <alignment horizontal="center" vertical="center" shrinkToFit="1"/>
    </xf>
    <xf numFmtId="0" fontId="8" fillId="0" borderId="1" xfId="0" applyFont="1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vertical="center" shrinkToFit="1"/>
      <protection locked="0"/>
    </xf>
    <xf numFmtId="0" fontId="10" fillId="3" borderId="10" xfId="1" applyFill="1" applyBorder="1" applyAlignment="1">
      <alignment horizontal="center" vertical="center" shrinkToFit="1"/>
    </xf>
    <xf numFmtId="0" fontId="10" fillId="0" borderId="0" xfId="1" applyAlignment="1">
      <alignment horizontal="center" vertical="center" shrinkToFit="1"/>
    </xf>
    <xf numFmtId="0" fontId="12" fillId="0" borderId="11" xfId="0" applyFont="1" applyBorder="1">
      <alignment vertical="center"/>
    </xf>
    <xf numFmtId="0" fontId="10" fillId="0" borderId="12" xfId="1" applyBorder="1" applyAlignment="1">
      <alignment horizontal="center" vertical="center" shrinkToFit="1"/>
    </xf>
    <xf numFmtId="0" fontId="10" fillId="3" borderId="13" xfId="1" applyFill="1" applyBorder="1" applyAlignment="1">
      <alignment shrinkToFit="1"/>
    </xf>
    <xf numFmtId="0" fontId="10" fillId="0" borderId="0" xfId="1" applyAlignment="1">
      <alignment shrinkToFit="1"/>
    </xf>
    <xf numFmtId="0" fontId="13" fillId="0" borderId="14" xfId="0" applyFont="1" applyBorder="1">
      <alignment vertical="center"/>
    </xf>
    <xf numFmtId="0" fontId="10" fillId="0" borderId="15" xfId="1" applyBorder="1" applyAlignment="1">
      <alignment shrinkToFit="1"/>
    </xf>
    <xf numFmtId="0" fontId="10" fillId="3" borderId="16" xfId="1" applyFill="1" applyBorder="1" applyAlignment="1">
      <alignment shrinkToFit="1"/>
    </xf>
    <xf numFmtId="0" fontId="13" fillId="0" borderId="17" xfId="0" applyFont="1" applyBorder="1">
      <alignment vertical="center"/>
    </xf>
    <xf numFmtId="0" fontId="10" fillId="0" borderId="18" xfId="1" applyBorder="1" applyAlignment="1">
      <alignment shrinkToFit="1"/>
    </xf>
    <xf numFmtId="0" fontId="13" fillId="0" borderId="19" xfId="0" applyFont="1" applyBorder="1">
      <alignment vertical="center"/>
    </xf>
    <xf numFmtId="0" fontId="10" fillId="0" borderId="20" xfId="1" applyBorder="1" applyAlignment="1">
      <alignment shrinkToFit="1"/>
    </xf>
    <xf numFmtId="0" fontId="10" fillId="3" borderId="21" xfId="1" applyFill="1" applyBorder="1" applyAlignment="1">
      <alignment shrinkToFit="1"/>
    </xf>
    <xf numFmtId="0" fontId="10" fillId="3" borderId="22" xfId="1" applyFill="1" applyBorder="1" applyAlignment="1">
      <alignment shrinkToFit="1"/>
    </xf>
    <xf numFmtId="0" fontId="10" fillId="0" borderId="1" xfId="0" applyFont="1" applyBorder="1" applyAlignment="1">
      <alignment horizontal="left" shrinkToFit="1"/>
    </xf>
    <xf numFmtId="0" fontId="10" fillId="3" borderId="23" xfId="1" applyFill="1" applyBorder="1" applyAlignment="1">
      <alignment shrinkToFit="1"/>
    </xf>
    <xf numFmtId="0" fontId="10" fillId="0" borderId="16" xfId="1" applyBorder="1" applyAlignment="1">
      <alignment shrinkToFit="1"/>
    </xf>
    <xf numFmtId="0" fontId="15" fillId="0" borderId="1" xfId="0" applyFont="1" applyBorder="1" applyAlignment="1">
      <alignment horizontal="center" vertical="top" wrapText="1"/>
    </xf>
    <xf numFmtId="0" fontId="9" fillId="0" borderId="1" xfId="0" applyFont="1" applyBorder="1" applyAlignment="1">
      <alignment horizontal="center" vertical="top" wrapText="1"/>
    </xf>
    <xf numFmtId="0" fontId="1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5" fillId="0" borderId="3" xfId="0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 shrinkToFit="1"/>
    </xf>
    <xf numFmtId="0" fontId="4" fillId="0" borderId="5" xfId="0" applyFont="1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3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5" fillId="0" borderId="7" xfId="0" applyFont="1" applyBorder="1" applyAlignment="1">
      <alignment horizontal="center" vertical="center" shrinkToFit="1"/>
    </xf>
    <xf numFmtId="0" fontId="5" fillId="0" borderId="9" xfId="0" applyFont="1" applyBorder="1" applyAlignment="1">
      <alignment horizontal="center" vertical="center" shrinkToFit="1"/>
    </xf>
    <xf numFmtId="0" fontId="5" fillId="0" borderId="8" xfId="0" applyFont="1" applyBorder="1" applyAlignment="1">
      <alignment horizontal="center" vertical="center" shrinkToFit="1"/>
    </xf>
    <xf numFmtId="0" fontId="0" fillId="0" borderId="1" xfId="0" applyBorder="1" applyAlignment="1" applyProtection="1">
      <alignment horizontal="center" vertical="center" shrinkToFit="1"/>
      <protection locked="0"/>
    </xf>
    <xf numFmtId="0" fontId="3" fillId="0" borderId="2" xfId="0" applyFont="1" applyBorder="1" applyAlignment="1">
      <alignment horizontal="left" vertical="center" indent="1" shrinkToFit="1"/>
    </xf>
    <xf numFmtId="0" fontId="3" fillId="0" borderId="3" xfId="0" applyFont="1" applyBorder="1" applyAlignment="1">
      <alignment horizontal="left" vertical="center" indent="1" shrinkToFit="1"/>
    </xf>
    <xf numFmtId="0" fontId="3" fillId="0" borderId="4" xfId="0" applyFont="1" applyBorder="1" applyAlignment="1">
      <alignment horizontal="left" vertical="center" indent="1" shrinkToFit="1"/>
    </xf>
    <xf numFmtId="0" fontId="5" fillId="0" borderId="2" xfId="0" applyFont="1" applyBorder="1" applyAlignment="1">
      <alignment horizontal="left" vertical="center" indent="1" shrinkToFit="1"/>
    </xf>
    <xf numFmtId="0" fontId="5" fillId="0" borderId="3" xfId="0" applyFont="1" applyBorder="1" applyAlignment="1">
      <alignment horizontal="left" vertical="center" indent="1" shrinkToFit="1"/>
    </xf>
    <xf numFmtId="0" fontId="5" fillId="0" borderId="4" xfId="0" applyFont="1" applyBorder="1" applyAlignment="1">
      <alignment horizontal="left" vertical="center" indent="1" shrinkToFit="1"/>
    </xf>
    <xf numFmtId="0" fontId="9" fillId="0" borderId="1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/>
    </xf>
    <xf numFmtId="0" fontId="6" fillId="2" borderId="1" xfId="0" applyFont="1" applyFill="1" applyBorder="1" applyAlignment="1">
      <alignment horizontal="center" vertical="center" shrinkToFit="1"/>
    </xf>
    <xf numFmtId="0" fontId="8" fillId="0" borderId="2" xfId="0" applyFont="1" applyBorder="1" applyAlignment="1" applyProtection="1">
      <alignment horizontal="center" vertical="center" shrinkToFit="1"/>
      <protection locked="0"/>
    </xf>
    <xf numFmtId="0" fontId="8" fillId="0" borderId="3" xfId="0" applyFont="1" applyBorder="1" applyAlignment="1" applyProtection="1">
      <alignment horizontal="center" vertical="center" shrinkToFit="1"/>
      <protection locked="0"/>
    </xf>
    <xf numFmtId="0" fontId="8" fillId="0" borderId="4" xfId="0" applyFont="1" applyBorder="1" applyAlignment="1" applyProtection="1">
      <alignment horizontal="center" vertical="center" shrinkToFit="1"/>
      <protection locked="0"/>
    </xf>
    <xf numFmtId="0" fontId="16" fillId="0" borderId="24" xfId="0" applyFont="1" applyBorder="1" applyAlignment="1">
      <alignment horizontal="center" vertical="center"/>
    </xf>
    <xf numFmtId="0" fontId="10" fillId="4" borderId="25" xfId="1" applyFill="1" applyBorder="1" applyAlignment="1">
      <alignment horizontal="center" vertical="center" shrinkToFit="1"/>
    </xf>
    <xf numFmtId="0" fontId="10" fillId="0" borderId="25" xfId="1" applyBorder="1" applyAlignment="1">
      <alignment horizontal="center" vertical="center" shrinkToFit="1"/>
    </xf>
    <xf numFmtId="0" fontId="10" fillId="4" borderId="26" xfId="1" applyFill="1" applyBorder="1" applyAlignment="1">
      <alignment shrinkToFit="1"/>
    </xf>
    <xf numFmtId="0" fontId="10" fillId="4" borderId="27" xfId="1" applyFill="1" applyBorder="1" applyAlignment="1">
      <alignment shrinkToFit="1"/>
    </xf>
    <xf numFmtId="0" fontId="10" fillId="0" borderId="27" xfId="1" applyBorder="1" applyAlignment="1">
      <alignment shrinkToFit="1"/>
    </xf>
    <xf numFmtId="0" fontId="10" fillId="4" borderId="17" xfId="1" applyFill="1" applyBorder="1" applyAlignment="1">
      <alignment shrinkToFit="1"/>
    </xf>
    <xf numFmtId="0" fontId="10" fillId="4" borderId="1" xfId="1" applyFill="1" applyBorder="1" applyAlignment="1">
      <alignment shrinkToFit="1"/>
    </xf>
    <xf numFmtId="0" fontId="10" fillId="0" borderId="1" xfId="1" applyBorder="1" applyAlignment="1">
      <alignment shrinkToFit="1"/>
    </xf>
    <xf numFmtId="0" fontId="10" fillId="5" borderId="1" xfId="1" applyFill="1" applyBorder="1" applyAlignment="1">
      <alignment shrinkToFit="1"/>
    </xf>
    <xf numFmtId="0" fontId="14" fillId="0" borderId="1" xfId="1" applyFont="1" applyBorder="1" applyAlignment="1">
      <alignment shrinkToFit="1"/>
    </xf>
    <xf numFmtId="0" fontId="10" fillId="4" borderId="19" xfId="1" applyFill="1" applyBorder="1" applyAlignment="1">
      <alignment shrinkToFit="1"/>
    </xf>
    <xf numFmtId="0" fontId="10" fillId="4" borderId="28" xfId="1" applyFill="1" applyBorder="1" applyAlignment="1">
      <alignment shrinkToFit="1"/>
    </xf>
    <xf numFmtId="0" fontId="10" fillId="0" borderId="28" xfId="1" applyBorder="1" applyAlignment="1">
      <alignment shrinkToFit="1"/>
    </xf>
    <xf numFmtId="0" fontId="10" fillId="4" borderId="14" xfId="1" applyFill="1" applyBorder="1" applyAlignment="1">
      <alignment shrinkToFit="1"/>
    </xf>
    <xf numFmtId="0" fontId="10" fillId="4" borderId="29" xfId="1" applyFill="1" applyBorder="1" applyAlignment="1">
      <alignment shrinkToFit="1"/>
    </xf>
    <xf numFmtId="0" fontId="10" fillId="0" borderId="29" xfId="1" applyBorder="1" applyAlignment="1">
      <alignment shrinkToFit="1"/>
    </xf>
    <xf numFmtId="0" fontId="10" fillId="4" borderId="30" xfId="1" applyFill="1" applyBorder="1" applyAlignment="1">
      <alignment shrinkToFit="1"/>
    </xf>
    <xf numFmtId="0" fontId="10" fillId="4" borderId="31" xfId="1" applyFill="1" applyBorder="1" applyAlignment="1">
      <alignment shrinkToFit="1"/>
    </xf>
    <xf numFmtId="0" fontId="10" fillId="0" borderId="31" xfId="1" applyBorder="1" applyAlignment="1">
      <alignment shrinkToFi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25"/>
  <sheetViews>
    <sheetView tabSelected="1" view="pageBreakPreview" zoomScaleNormal="100" zoomScaleSheetLayoutView="100" workbookViewId="0">
      <selection activeCell="B2" sqref="B2"/>
    </sheetView>
  </sheetViews>
  <sheetFormatPr defaultRowHeight="18.75" x14ac:dyDescent="0.4"/>
  <cols>
    <col min="1" max="1" width="7.25" customWidth="1"/>
    <col min="2" max="2" width="11.5" customWidth="1"/>
    <col min="3" max="3" width="4" customWidth="1"/>
    <col min="4" max="4" width="15.25" customWidth="1"/>
    <col min="5" max="5" width="12" customWidth="1"/>
    <col min="6" max="6" width="27.75" customWidth="1"/>
  </cols>
  <sheetData>
    <row r="1" spans="1:6" x14ac:dyDescent="0.4">
      <c r="A1" s="32" t="s">
        <v>420</v>
      </c>
      <c r="B1" s="32"/>
      <c r="C1" s="32"/>
      <c r="D1" s="32"/>
      <c r="E1" s="32"/>
      <c r="F1" s="32"/>
    </row>
    <row r="2" spans="1:6" ht="33" customHeight="1" x14ac:dyDescent="0.4">
      <c r="A2" s="30" t="s">
        <v>0</v>
      </c>
      <c r="B2" s="1"/>
      <c r="C2" s="2"/>
    </row>
    <row r="3" spans="1:6" ht="33.75" customHeight="1" x14ac:dyDescent="0.4">
      <c r="A3" s="31" t="s">
        <v>1</v>
      </c>
      <c r="B3" s="1"/>
      <c r="C3" s="2"/>
    </row>
    <row r="4" spans="1:6" ht="28.5" customHeight="1" x14ac:dyDescent="0.4">
      <c r="A4" s="33" t="s">
        <v>2</v>
      </c>
      <c r="B4" s="34"/>
      <c r="C4" s="35"/>
      <c r="D4" s="36"/>
      <c r="E4" s="36"/>
      <c r="F4" s="37"/>
    </row>
    <row r="5" spans="1:6" ht="28.5" customHeight="1" x14ac:dyDescent="0.4">
      <c r="A5" s="38" t="s">
        <v>3</v>
      </c>
      <c r="B5" s="39"/>
      <c r="C5" s="3" t="s">
        <v>4</v>
      </c>
      <c r="D5" s="42"/>
      <c r="E5" s="42"/>
      <c r="F5" s="43"/>
    </row>
    <row r="6" spans="1:6" ht="71.25" customHeight="1" x14ac:dyDescent="0.4">
      <c r="A6" s="40"/>
      <c r="B6" s="41"/>
      <c r="C6" s="44"/>
      <c r="D6" s="45"/>
      <c r="E6" s="45"/>
      <c r="F6" s="46"/>
    </row>
    <row r="7" spans="1:6" ht="28.5" customHeight="1" x14ac:dyDescent="0.4">
      <c r="A7" s="4" t="s">
        <v>5</v>
      </c>
      <c r="B7" s="34"/>
      <c r="C7" s="34"/>
      <c r="D7" s="34"/>
      <c r="E7" s="5" t="s">
        <v>6</v>
      </c>
      <c r="F7" s="5"/>
    </row>
    <row r="8" spans="1:6" ht="28.5" customHeight="1" x14ac:dyDescent="0.4">
      <c r="A8" s="34" t="s">
        <v>7</v>
      </c>
      <c r="B8" s="34"/>
      <c r="C8" s="48"/>
      <c r="D8" s="49"/>
      <c r="E8" s="49"/>
      <c r="F8" s="50"/>
    </row>
    <row r="9" spans="1:6" ht="28.5" customHeight="1" x14ac:dyDescent="0.4">
      <c r="A9" s="34" t="s">
        <v>8</v>
      </c>
      <c r="B9" s="34"/>
      <c r="C9" s="51"/>
      <c r="D9" s="52"/>
      <c r="E9" s="52"/>
      <c r="F9" s="53"/>
    </row>
    <row r="10" spans="1:6" ht="28.5" customHeight="1" x14ac:dyDescent="0.4">
      <c r="A10" s="34" t="s">
        <v>9</v>
      </c>
      <c r="B10" s="34"/>
      <c r="C10" s="51"/>
      <c r="D10" s="52"/>
      <c r="E10" s="52"/>
      <c r="F10" s="53"/>
    </row>
    <row r="11" spans="1:6" ht="28.5" customHeight="1" x14ac:dyDescent="0.4">
      <c r="A11" s="54" t="s">
        <v>10</v>
      </c>
      <c r="B11" s="55"/>
      <c r="C11" s="51"/>
      <c r="D11" s="52"/>
      <c r="E11" s="52"/>
      <c r="F11" s="53"/>
    </row>
    <row r="12" spans="1:6" x14ac:dyDescent="0.4">
      <c r="A12" s="6" t="s">
        <v>11</v>
      </c>
      <c r="B12" s="56" t="s">
        <v>12</v>
      </c>
      <c r="C12" s="56"/>
      <c r="D12" s="56"/>
      <c r="E12" s="7" t="s">
        <v>13</v>
      </c>
      <c r="F12" s="7" t="s">
        <v>14</v>
      </c>
    </row>
    <row r="13" spans="1:6" ht="27" customHeight="1" x14ac:dyDescent="0.4">
      <c r="A13" s="8">
        <v>1</v>
      </c>
      <c r="B13" s="57"/>
      <c r="C13" s="58"/>
      <c r="D13" s="59"/>
      <c r="E13" s="9"/>
      <c r="F13" s="10"/>
    </row>
    <row r="14" spans="1:6" ht="27" customHeight="1" x14ac:dyDescent="0.4">
      <c r="A14" s="8">
        <v>2</v>
      </c>
      <c r="B14" s="57"/>
      <c r="C14" s="58"/>
      <c r="D14" s="59"/>
      <c r="E14" s="9"/>
      <c r="F14" s="10"/>
    </row>
    <row r="15" spans="1:6" ht="27" customHeight="1" x14ac:dyDescent="0.4">
      <c r="A15" s="8">
        <v>3</v>
      </c>
      <c r="B15" s="47"/>
      <c r="C15" s="47"/>
      <c r="D15" s="47"/>
      <c r="E15" s="11"/>
      <c r="F15" s="11"/>
    </row>
    <row r="16" spans="1:6" ht="27" customHeight="1" x14ac:dyDescent="0.4">
      <c r="A16" s="8">
        <v>4</v>
      </c>
      <c r="B16" s="47"/>
      <c r="C16" s="47"/>
      <c r="D16" s="47"/>
      <c r="E16" s="11"/>
      <c r="F16" s="11"/>
    </row>
    <row r="17" spans="1:6" ht="27" customHeight="1" x14ac:dyDescent="0.4">
      <c r="A17" s="8">
        <v>5</v>
      </c>
      <c r="B17" s="47"/>
      <c r="C17" s="47"/>
      <c r="D17" s="47"/>
      <c r="E17" s="11"/>
      <c r="F17" s="11"/>
    </row>
    <row r="18" spans="1:6" ht="27" customHeight="1" x14ac:dyDescent="0.4">
      <c r="A18" s="8">
        <v>6</v>
      </c>
      <c r="B18" s="47"/>
      <c r="C18" s="47"/>
      <c r="D18" s="47"/>
      <c r="E18" s="11"/>
      <c r="F18" s="11"/>
    </row>
    <row r="19" spans="1:6" ht="27" customHeight="1" x14ac:dyDescent="0.4">
      <c r="A19" s="8">
        <v>7</v>
      </c>
      <c r="B19" s="47"/>
      <c r="C19" s="47"/>
      <c r="D19" s="47"/>
      <c r="E19" s="11"/>
      <c r="F19" s="11"/>
    </row>
    <row r="20" spans="1:6" ht="27" customHeight="1" x14ac:dyDescent="0.4">
      <c r="A20" s="8">
        <v>8</v>
      </c>
      <c r="B20" s="47"/>
      <c r="C20" s="47"/>
      <c r="D20" s="47"/>
      <c r="E20" s="11"/>
      <c r="F20" s="11"/>
    </row>
    <row r="21" spans="1:6" ht="27" customHeight="1" x14ac:dyDescent="0.4">
      <c r="A21" s="8">
        <v>9</v>
      </c>
      <c r="B21" s="47"/>
      <c r="C21" s="47"/>
      <c r="D21" s="47"/>
      <c r="E21" s="11"/>
      <c r="F21" s="11"/>
    </row>
    <row r="22" spans="1:6" ht="27" customHeight="1" x14ac:dyDescent="0.4">
      <c r="A22" s="8">
        <v>10</v>
      </c>
      <c r="B22" s="47"/>
      <c r="C22" s="47"/>
      <c r="D22" s="47"/>
      <c r="E22" s="11"/>
      <c r="F22" s="11"/>
    </row>
    <row r="23" spans="1:6" ht="27" customHeight="1" x14ac:dyDescent="0.4">
      <c r="A23" s="8">
        <v>11</v>
      </c>
      <c r="B23" s="47"/>
      <c r="C23" s="47"/>
      <c r="D23" s="47"/>
      <c r="E23" s="11"/>
      <c r="F23" s="11"/>
    </row>
    <row r="24" spans="1:6" ht="27" customHeight="1" x14ac:dyDescent="0.4">
      <c r="A24" s="8">
        <v>12</v>
      </c>
      <c r="B24" s="47"/>
      <c r="C24" s="47"/>
      <c r="D24" s="47"/>
      <c r="E24" s="11"/>
      <c r="F24" s="11"/>
    </row>
    <row r="25" spans="1:6" x14ac:dyDescent="0.4">
      <c r="A25" s="60" t="s">
        <v>418</v>
      </c>
      <c r="B25" s="60"/>
      <c r="C25" s="60"/>
      <c r="D25" s="60"/>
      <c r="E25" s="60"/>
      <c r="F25" s="60"/>
    </row>
  </sheetData>
  <mergeCells count="29">
    <mergeCell ref="B22:D22"/>
    <mergeCell ref="B23:D23"/>
    <mergeCell ref="B24:D24"/>
    <mergeCell ref="A25:F25"/>
    <mergeCell ref="B16:D16"/>
    <mergeCell ref="B17:D17"/>
    <mergeCell ref="B18:D18"/>
    <mergeCell ref="B19:D19"/>
    <mergeCell ref="B20:D20"/>
    <mergeCell ref="B21:D21"/>
    <mergeCell ref="B15:D15"/>
    <mergeCell ref="B7:D7"/>
    <mergeCell ref="A8:B8"/>
    <mergeCell ref="C8:F8"/>
    <mergeCell ref="A9:B9"/>
    <mergeCell ref="C9:F9"/>
    <mergeCell ref="A10:B10"/>
    <mergeCell ref="C10:F10"/>
    <mergeCell ref="A11:B11"/>
    <mergeCell ref="C11:F11"/>
    <mergeCell ref="B12:D12"/>
    <mergeCell ref="B13:D13"/>
    <mergeCell ref="B14:D14"/>
    <mergeCell ref="A1:F1"/>
    <mergeCell ref="A4:B4"/>
    <mergeCell ref="C4:F4"/>
    <mergeCell ref="A5:B6"/>
    <mergeCell ref="D5:F5"/>
    <mergeCell ref="C6:F6"/>
  </mergeCells>
  <phoneticPr fontId="2"/>
  <pageMargins left="0.7" right="0.7" top="0.75" bottom="0.75" header="0.3" footer="0.3"/>
  <pageSetup paperSize="9" scale="9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H259"/>
  <sheetViews>
    <sheetView topLeftCell="B1" workbookViewId="0">
      <selection activeCell="G15" sqref="G15"/>
    </sheetView>
  </sheetViews>
  <sheetFormatPr defaultRowHeight="13.5" x14ac:dyDescent="0.15"/>
  <cols>
    <col min="1" max="1" width="5.125" style="17" hidden="1" customWidth="1"/>
    <col min="2" max="2" width="4.75" style="17" customWidth="1"/>
    <col min="3" max="3" width="13.125" style="17" customWidth="1"/>
    <col min="4" max="4" width="22.625" style="17" customWidth="1"/>
    <col min="5" max="5" width="16.5" style="17" customWidth="1"/>
    <col min="6" max="7" width="9" style="17"/>
    <col min="8" max="8" width="11.125" style="17" customWidth="1"/>
    <col min="9" max="255" width="9" style="17"/>
    <col min="256" max="256" width="0" style="17" hidden="1" customWidth="1"/>
    <col min="257" max="257" width="4.75" style="17" customWidth="1"/>
    <col min="258" max="258" width="13.125" style="17" customWidth="1"/>
    <col min="259" max="259" width="22.625" style="17" customWidth="1"/>
    <col min="260" max="260" width="16.25" style="17" customWidth="1"/>
    <col min="261" max="261" width="3" style="17" customWidth="1"/>
    <col min="262" max="511" width="9" style="17"/>
    <col min="512" max="512" width="0" style="17" hidden="1" customWidth="1"/>
    <col min="513" max="513" width="4.75" style="17" customWidth="1"/>
    <col min="514" max="514" width="13.125" style="17" customWidth="1"/>
    <col min="515" max="515" width="22.625" style="17" customWidth="1"/>
    <col min="516" max="516" width="16.25" style="17" customWidth="1"/>
    <col min="517" max="517" width="3" style="17" customWidth="1"/>
    <col min="518" max="767" width="9" style="17"/>
    <col min="768" max="768" width="0" style="17" hidden="1" customWidth="1"/>
    <col min="769" max="769" width="4.75" style="17" customWidth="1"/>
    <col min="770" max="770" width="13.125" style="17" customWidth="1"/>
    <col min="771" max="771" width="22.625" style="17" customWidth="1"/>
    <col min="772" max="772" width="16.25" style="17" customWidth="1"/>
    <col min="773" max="773" width="3" style="17" customWidth="1"/>
    <col min="774" max="1023" width="9" style="17"/>
    <col min="1024" max="1024" width="0" style="17" hidden="1" customWidth="1"/>
    <col min="1025" max="1025" width="4.75" style="17" customWidth="1"/>
    <col min="1026" max="1026" width="13.125" style="17" customWidth="1"/>
    <col min="1027" max="1027" width="22.625" style="17" customWidth="1"/>
    <col min="1028" max="1028" width="16.25" style="17" customWidth="1"/>
    <col min="1029" max="1029" width="3" style="17" customWidth="1"/>
    <col min="1030" max="1279" width="9" style="17"/>
    <col min="1280" max="1280" width="0" style="17" hidden="1" customWidth="1"/>
    <col min="1281" max="1281" width="4.75" style="17" customWidth="1"/>
    <col min="1282" max="1282" width="13.125" style="17" customWidth="1"/>
    <col min="1283" max="1283" width="22.625" style="17" customWidth="1"/>
    <col min="1284" max="1284" width="16.25" style="17" customWidth="1"/>
    <col min="1285" max="1285" width="3" style="17" customWidth="1"/>
    <col min="1286" max="1535" width="9" style="17"/>
    <col min="1536" max="1536" width="0" style="17" hidden="1" customWidth="1"/>
    <col min="1537" max="1537" width="4.75" style="17" customWidth="1"/>
    <col min="1538" max="1538" width="13.125" style="17" customWidth="1"/>
    <col min="1539" max="1539" width="22.625" style="17" customWidth="1"/>
    <col min="1540" max="1540" width="16.25" style="17" customWidth="1"/>
    <col min="1541" max="1541" width="3" style="17" customWidth="1"/>
    <col min="1542" max="1791" width="9" style="17"/>
    <col min="1792" max="1792" width="0" style="17" hidden="1" customWidth="1"/>
    <col min="1793" max="1793" width="4.75" style="17" customWidth="1"/>
    <col min="1794" max="1794" width="13.125" style="17" customWidth="1"/>
    <col min="1795" max="1795" width="22.625" style="17" customWidth="1"/>
    <col min="1796" max="1796" width="16.25" style="17" customWidth="1"/>
    <col min="1797" max="1797" width="3" style="17" customWidth="1"/>
    <col min="1798" max="2047" width="9" style="17"/>
    <col min="2048" max="2048" width="0" style="17" hidden="1" customWidth="1"/>
    <col min="2049" max="2049" width="4.75" style="17" customWidth="1"/>
    <col min="2050" max="2050" width="13.125" style="17" customWidth="1"/>
    <col min="2051" max="2051" width="22.625" style="17" customWidth="1"/>
    <col min="2052" max="2052" width="16.25" style="17" customWidth="1"/>
    <col min="2053" max="2053" width="3" style="17" customWidth="1"/>
    <col min="2054" max="2303" width="9" style="17"/>
    <col min="2304" max="2304" width="0" style="17" hidden="1" customWidth="1"/>
    <col min="2305" max="2305" width="4.75" style="17" customWidth="1"/>
    <col min="2306" max="2306" width="13.125" style="17" customWidth="1"/>
    <col min="2307" max="2307" width="22.625" style="17" customWidth="1"/>
    <col min="2308" max="2308" width="16.25" style="17" customWidth="1"/>
    <col min="2309" max="2309" width="3" style="17" customWidth="1"/>
    <col min="2310" max="2559" width="9" style="17"/>
    <col min="2560" max="2560" width="0" style="17" hidden="1" customWidth="1"/>
    <col min="2561" max="2561" width="4.75" style="17" customWidth="1"/>
    <col min="2562" max="2562" width="13.125" style="17" customWidth="1"/>
    <col min="2563" max="2563" width="22.625" style="17" customWidth="1"/>
    <col min="2564" max="2564" width="16.25" style="17" customWidth="1"/>
    <col min="2565" max="2565" width="3" style="17" customWidth="1"/>
    <col min="2566" max="2815" width="9" style="17"/>
    <col min="2816" max="2816" width="0" style="17" hidden="1" customWidth="1"/>
    <col min="2817" max="2817" width="4.75" style="17" customWidth="1"/>
    <col min="2818" max="2818" width="13.125" style="17" customWidth="1"/>
    <col min="2819" max="2819" width="22.625" style="17" customWidth="1"/>
    <col min="2820" max="2820" width="16.25" style="17" customWidth="1"/>
    <col min="2821" max="2821" width="3" style="17" customWidth="1"/>
    <col min="2822" max="3071" width="9" style="17"/>
    <col min="3072" max="3072" width="0" style="17" hidden="1" customWidth="1"/>
    <col min="3073" max="3073" width="4.75" style="17" customWidth="1"/>
    <col min="3074" max="3074" width="13.125" style="17" customWidth="1"/>
    <col min="3075" max="3075" width="22.625" style="17" customWidth="1"/>
    <col min="3076" max="3076" width="16.25" style="17" customWidth="1"/>
    <col min="3077" max="3077" width="3" style="17" customWidth="1"/>
    <col min="3078" max="3327" width="9" style="17"/>
    <col min="3328" max="3328" width="0" style="17" hidden="1" customWidth="1"/>
    <col min="3329" max="3329" width="4.75" style="17" customWidth="1"/>
    <col min="3330" max="3330" width="13.125" style="17" customWidth="1"/>
    <col min="3331" max="3331" width="22.625" style="17" customWidth="1"/>
    <col min="3332" max="3332" width="16.25" style="17" customWidth="1"/>
    <col min="3333" max="3333" width="3" style="17" customWidth="1"/>
    <col min="3334" max="3583" width="9" style="17"/>
    <col min="3584" max="3584" width="0" style="17" hidden="1" customWidth="1"/>
    <col min="3585" max="3585" width="4.75" style="17" customWidth="1"/>
    <col min="3586" max="3586" width="13.125" style="17" customWidth="1"/>
    <col min="3587" max="3587" width="22.625" style="17" customWidth="1"/>
    <col min="3588" max="3588" width="16.25" style="17" customWidth="1"/>
    <col min="3589" max="3589" width="3" style="17" customWidth="1"/>
    <col min="3590" max="3839" width="9" style="17"/>
    <col min="3840" max="3840" width="0" style="17" hidden="1" customWidth="1"/>
    <col min="3841" max="3841" width="4.75" style="17" customWidth="1"/>
    <col min="3842" max="3842" width="13.125" style="17" customWidth="1"/>
    <col min="3843" max="3843" width="22.625" style="17" customWidth="1"/>
    <col min="3844" max="3844" width="16.25" style="17" customWidth="1"/>
    <col min="3845" max="3845" width="3" style="17" customWidth="1"/>
    <col min="3846" max="4095" width="9" style="17"/>
    <col min="4096" max="4096" width="0" style="17" hidden="1" customWidth="1"/>
    <col min="4097" max="4097" width="4.75" style="17" customWidth="1"/>
    <col min="4098" max="4098" width="13.125" style="17" customWidth="1"/>
    <col min="4099" max="4099" width="22.625" style="17" customWidth="1"/>
    <col min="4100" max="4100" width="16.25" style="17" customWidth="1"/>
    <col min="4101" max="4101" width="3" style="17" customWidth="1"/>
    <col min="4102" max="4351" width="9" style="17"/>
    <col min="4352" max="4352" width="0" style="17" hidden="1" customWidth="1"/>
    <col min="4353" max="4353" width="4.75" style="17" customWidth="1"/>
    <col min="4354" max="4354" width="13.125" style="17" customWidth="1"/>
    <col min="4355" max="4355" width="22.625" style="17" customWidth="1"/>
    <col min="4356" max="4356" width="16.25" style="17" customWidth="1"/>
    <col min="4357" max="4357" width="3" style="17" customWidth="1"/>
    <col min="4358" max="4607" width="9" style="17"/>
    <col min="4608" max="4608" width="0" style="17" hidden="1" customWidth="1"/>
    <col min="4609" max="4609" width="4.75" style="17" customWidth="1"/>
    <col min="4610" max="4610" width="13.125" style="17" customWidth="1"/>
    <col min="4611" max="4611" width="22.625" style="17" customWidth="1"/>
    <col min="4612" max="4612" width="16.25" style="17" customWidth="1"/>
    <col min="4613" max="4613" width="3" style="17" customWidth="1"/>
    <col min="4614" max="4863" width="9" style="17"/>
    <col min="4864" max="4864" width="0" style="17" hidden="1" customWidth="1"/>
    <col min="4865" max="4865" width="4.75" style="17" customWidth="1"/>
    <col min="4866" max="4866" width="13.125" style="17" customWidth="1"/>
    <col min="4867" max="4867" width="22.625" style="17" customWidth="1"/>
    <col min="4868" max="4868" width="16.25" style="17" customWidth="1"/>
    <col min="4869" max="4869" width="3" style="17" customWidth="1"/>
    <col min="4870" max="5119" width="9" style="17"/>
    <col min="5120" max="5120" width="0" style="17" hidden="1" customWidth="1"/>
    <col min="5121" max="5121" width="4.75" style="17" customWidth="1"/>
    <col min="5122" max="5122" width="13.125" style="17" customWidth="1"/>
    <col min="5123" max="5123" width="22.625" style="17" customWidth="1"/>
    <col min="5124" max="5124" width="16.25" style="17" customWidth="1"/>
    <col min="5125" max="5125" width="3" style="17" customWidth="1"/>
    <col min="5126" max="5375" width="9" style="17"/>
    <col min="5376" max="5376" width="0" style="17" hidden="1" customWidth="1"/>
    <col min="5377" max="5377" width="4.75" style="17" customWidth="1"/>
    <col min="5378" max="5378" width="13.125" style="17" customWidth="1"/>
    <col min="5379" max="5379" width="22.625" style="17" customWidth="1"/>
    <col min="5380" max="5380" width="16.25" style="17" customWidth="1"/>
    <col min="5381" max="5381" width="3" style="17" customWidth="1"/>
    <col min="5382" max="5631" width="9" style="17"/>
    <col min="5632" max="5632" width="0" style="17" hidden="1" customWidth="1"/>
    <col min="5633" max="5633" width="4.75" style="17" customWidth="1"/>
    <col min="5634" max="5634" width="13.125" style="17" customWidth="1"/>
    <col min="5635" max="5635" width="22.625" style="17" customWidth="1"/>
    <col min="5636" max="5636" width="16.25" style="17" customWidth="1"/>
    <col min="5637" max="5637" width="3" style="17" customWidth="1"/>
    <col min="5638" max="5887" width="9" style="17"/>
    <col min="5888" max="5888" width="0" style="17" hidden="1" customWidth="1"/>
    <col min="5889" max="5889" width="4.75" style="17" customWidth="1"/>
    <col min="5890" max="5890" width="13.125" style="17" customWidth="1"/>
    <col min="5891" max="5891" width="22.625" style="17" customWidth="1"/>
    <col min="5892" max="5892" width="16.25" style="17" customWidth="1"/>
    <col min="5893" max="5893" width="3" style="17" customWidth="1"/>
    <col min="5894" max="6143" width="9" style="17"/>
    <col min="6144" max="6144" width="0" style="17" hidden="1" customWidth="1"/>
    <col min="6145" max="6145" width="4.75" style="17" customWidth="1"/>
    <col min="6146" max="6146" width="13.125" style="17" customWidth="1"/>
    <col min="6147" max="6147" width="22.625" style="17" customWidth="1"/>
    <col min="6148" max="6148" width="16.25" style="17" customWidth="1"/>
    <col min="6149" max="6149" width="3" style="17" customWidth="1"/>
    <col min="6150" max="6399" width="9" style="17"/>
    <col min="6400" max="6400" width="0" style="17" hidden="1" customWidth="1"/>
    <col min="6401" max="6401" width="4.75" style="17" customWidth="1"/>
    <col min="6402" max="6402" width="13.125" style="17" customWidth="1"/>
    <col min="6403" max="6403" width="22.625" style="17" customWidth="1"/>
    <col min="6404" max="6404" width="16.25" style="17" customWidth="1"/>
    <col min="6405" max="6405" width="3" style="17" customWidth="1"/>
    <col min="6406" max="6655" width="9" style="17"/>
    <col min="6656" max="6656" width="0" style="17" hidden="1" customWidth="1"/>
    <col min="6657" max="6657" width="4.75" style="17" customWidth="1"/>
    <col min="6658" max="6658" width="13.125" style="17" customWidth="1"/>
    <col min="6659" max="6659" width="22.625" style="17" customWidth="1"/>
    <col min="6660" max="6660" width="16.25" style="17" customWidth="1"/>
    <col min="6661" max="6661" width="3" style="17" customWidth="1"/>
    <col min="6662" max="6911" width="9" style="17"/>
    <col min="6912" max="6912" width="0" style="17" hidden="1" customWidth="1"/>
    <col min="6913" max="6913" width="4.75" style="17" customWidth="1"/>
    <col min="6914" max="6914" width="13.125" style="17" customWidth="1"/>
    <col min="6915" max="6915" width="22.625" style="17" customWidth="1"/>
    <col min="6916" max="6916" width="16.25" style="17" customWidth="1"/>
    <col min="6917" max="6917" width="3" style="17" customWidth="1"/>
    <col min="6918" max="7167" width="9" style="17"/>
    <col min="7168" max="7168" width="0" style="17" hidden="1" customWidth="1"/>
    <col min="7169" max="7169" width="4.75" style="17" customWidth="1"/>
    <col min="7170" max="7170" width="13.125" style="17" customWidth="1"/>
    <col min="7171" max="7171" width="22.625" style="17" customWidth="1"/>
    <col min="7172" max="7172" width="16.25" style="17" customWidth="1"/>
    <col min="7173" max="7173" width="3" style="17" customWidth="1"/>
    <col min="7174" max="7423" width="9" style="17"/>
    <col min="7424" max="7424" width="0" style="17" hidden="1" customWidth="1"/>
    <col min="7425" max="7425" width="4.75" style="17" customWidth="1"/>
    <col min="7426" max="7426" width="13.125" style="17" customWidth="1"/>
    <col min="7427" max="7427" width="22.625" style="17" customWidth="1"/>
    <col min="7428" max="7428" width="16.25" style="17" customWidth="1"/>
    <col min="7429" max="7429" width="3" style="17" customWidth="1"/>
    <col min="7430" max="7679" width="9" style="17"/>
    <col min="7680" max="7680" width="0" style="17" hidden="1" customWidth="1"/>
    <col min="7681" max="7681" width="4.75" style="17" customWidth="1"/>
    <col min="7682" max="7682" width="13.125" style="17" customWidth="1"/>
    <col min="7683" max="7683" width="22.625" style="17" customWidth="1"/>
    <col min="7684" max="7684" width="16.25" style="17" customWidth="1"/>
    <col min="7685" max="7685" width="3" style="17" customWidth="1"/>
    <col min="7686" max="7935" width="9" style="17"/>
    <col min="7936" max="7936" width="0" style="17" hidden="1" customWidth="1"/>
    <col min="7937" max="7937" width="4.75" style="17" customWidth="1"/>
    <col min="7938" max="7938" width="13.125" style="17" customWidth="1"/>
    <col min="7939" max="7939" width="22.625" style="17" customWidth="1"/>
    <col min="7940" max="7940" width="16.25" style="17" customWidth="1"/>
    <col min="7941" max="7941" width="3" style="17" customWidth="1"/>
    <col min="7942" max="8191" width="9" style="17"/>
    <col min="8192" max="8192" width="0" style="17" hidden="1" customWidth="1"/>
    <col min="8193" max="8193" width="4.75" style="17" customWidth="1"/>
    <col min="8194" max="8194" width="13.125" style="17" customWidth="1"/>
    <col min="8195" max="8195" width="22.625" style="17" customWidth="1"/>
    <col min="8196" max="8196" width="16.25" style="17" customWidth="1"/>
    <col min="8197" max="8197" width="3" style="17" customWidth="1"/>
    <col min="8198" max="8447" width="9" style="17"/>
    <col min="8448" max="8448" width="0" style="17" hidden="1" customWidth="1"/>
    <col min="8449" max="8449" width="4.75" style="17" customWidth="1"/>
    <col min="8450" max="8450" width="13.125" style="17" customWidth="1"/>
    <col min="8451" max="8451" width="22.625" style="17" customWidth="1"/>
    <col min="8452" max="8452" width="16.25" style="17" customWidth="1"/>
    <col min="8453" max="8453" width="3" style="17" customWidth="1"/>
    <col min="8454" max="8703" width="9" style="17"/>
    <col min="8704" max="8704" width="0" style="17" hidden="1" customWidth="1"/>
    <col min="8705" max="8705" width="4.75" style="17" customWidth="1"/>
    <col min="8706" max="8706" width="13.125" style="17" customWidth="1"/>
    <col min="8707" max="8707" width="22.625" style="17" customWidth="1"/>
    <col min="8708" max="8708" width="16.25" style="17" customWidth="1"/>
    <col min="8709" max="8709" width="3" style="17" customWidth="1"/>
    <col min="8710" max="8959" width="9" style="17"/>
    <col min="8960" max="8960" width="0" style="17" hidden="1" customWidth="1"/>
    <col min="8961" max="8961" width="4.75" style="17" customWidth="1"/>
    <col min="8962" max="8962" width="13.125" style="17" customWidth="1"/>
    <col min="8963" max="8963" width="22.625" style="17" customWidth="1"/>
    <col min="8964" max="8964" width="16.25" style="17" customWidth="1"/>
    <col min="8965" max="8965" width="3" style="17" customWidth="1"/>
    <col min="8966" max="9215" width="9" style="17"/>
    <col min="9216" max="9216" width="0" style="17" hidden="1" customWidth="1"/>
    <col min="9217" max="9217" width="4.75" style="17" customWidth="1"/>
    <col min="9218" max="9218" width="13.125" style="17" customWidth="1"/>
    <col min="9219" max="9219" width="22.625" style="17" customWidth="1"/>
    <col min="9220" max="9220" width="16.25" style="17" customWidth="1"/>
    <col min="9221" max="9221" width="3" style="17" customWidth="1"/>
    <col min="9222" max="9471" width="9" style="17"/>
    <col min="9472" max="9472" width="0" style="17" hidden="1" customWidth="1"/>
    <col min="9473" max="9473" width="4.75" style="17" customWidth="1"/>
    <col min="9474" max="9474" width="13.125" style="17" customWidth="1"/>
    <col min="9475" max="9475" width="22.625" style="17" customWidth="1"/>
    <col min="9476" max="9476" width="16.25" style="17" customWidth="1"/>
    <col min="9477" max="9477" width="3" style="17" customWidth="1"/>
    <col min="9478" max="9727" width="9" style="17"/>
    <col min="9728" max="9728" width="0" style="17" hidden="1" customWidth="1"/>
    <col min="9729" max="9729" width="4.75" style="17" customWidth="1"/>
    <col min="9730" max="9730" width="13.125" style="17" customWidth="1"/>
    <col min="9731" max="9731" width="22.625" style="17" customWidth="1"/>
    <col min="9732" max="9732" width="16.25" style="17" customWidth="1"/>
    <col min="9733" max="9733" width="3" style="17" customWidth="1"/>
    <col min="9734" max="9983" width="9" style="17"/>
    <col min="9984" max="9984" width="0" style="17" hidden="1" customWidth="1"/>
    <col min="9985" max="9985" width="4.75" style="17" customWidth="1"/>
    <col min="9986" max="9986" width="13.125" style="17" customWidth="1"/>
    <col min="9987" max="9987" width="22.625" style="17" customWidth="1"/>
    <col min="9988" max="9988" width="16.25" style="17" customWidth="1"/>
    <col min="9989" max="9989" width="3" style="17" customWidth="1"/>
    <col min="9990" max="10239" width="9" style="17"/>
    <col min="10240" max="10240" width="0" style="17" hidden="1" customWidth="1"/>
    <col min="10241" max="10241" width="4.75" style="17" customWidth="1"/>
    <col min="10242" max="10242" width="13.125" style="17" customWidth="1"/>
    <col min="10243" max="10243" width="22.625" style="17" customWidth="1"/>
    <col min="10244" max="10244" width="16.25" style="17" customWidth="1"/>
    <col min="10245" max="10245" width="3" style="17" customWidth="1"/>
    <col min="10246" max="10495" width="9" style="17"/>
    <col min="10496" max="10496" width="0" style="17" hidden="1" customWidth="1"/>
    <col min="10497" max="10497" width="4.75" style="17" customWidth="1"/>
    <col min="10498" max="10498" width="13.125" style="17" customWidth="1"/>
    <col min="10499" max="10499" width="22.625" style="17" customWidth="1"/>
    <col min="10500" max="10500" width="16.25" style="17" customWidth="1"/>
    <col min="10501" max="10501" width="3" style="17" customWidth="1"/>
    <col min="10502" max="10751" width="9" style="17"/>
    <col min="10752" max="10752" width="0" style="17" hidden="1" customWidth="1"/>
    <col min="10753" max="10753" width="4.75" style="17" customWidth="1"/>
    <col min="10754" max="10754" width="13.125" style="17" customWidth="1"/>
    <col min="10755" max="10755" width="22.625" style="17" customWidth="1"/>
    <col min="10756" max="10756" width="16.25" style="17" customWidth="1"/>
    <col min="10757" max="10757" width="3" style="17" customWidth="1"/>
    <col min="10758" max="11007" width="9" style="17"/>
    <col min="11008" max="11008" width="0" style="17" hidden="1" customWidth="1"/>
    <col min="11009" max="11009" width="4.75" style="17" customWidth="1"/>
    <col min="11010" max="11010" width="13.125" style="17" customWidth="1"/>
    <col min="11011" max="11011" width="22.625" style="17" customWidth="1"/>
    <col min="11012" max="11012" width="16.25" style="17" customWidth="1"/>
    <col min="11013" max="11013" width="3" style="17" customWidth="1"/>
    <col min="11014" max="11263" width="9" style="17"/>
    <col min="11264" max="11264" width="0" style="17" hidden="1" customWidth="1"/>
    <col min="11265" max="11265" width="4.75" style="17" customWidth="1"/>
    <col min="11266" max="11266" width="13.125" style="17" customWidth="1"/>
    <col min="11267" max="11267" width="22.625" style="17" customWidth="1"/>
    <col min="11268" max="11268" width="16.25" style="17" customWidth="1"/>
    <col min="11269" max="11269" width="3" style="17" customWidth="1"/>
    <col min="11270" max="11519" width="9" style="17"/>
    <col min="11520" max="11520" width="0" style="17" hidden="1" customWidth="1"/>
    <col min="11521" max="11521" width="4.75" style="17" customWidth="1"/>
    <col min="11522" max="11522" width="13.125" style="17" customWidth="1"/>
    <col min="11523" max="11523" width="22.625" style="17" customWidth="1"/>
    <col min="11524" max="11524" width="16.25" style="17" customWidth="1"/>
    <col min="11525" max="11525" width="3" style="17" customWidth="1"/>
    <col min="11526" max="11775" width="9" style="17"/>
    <col min="11776" max="11776" width="0" style="17" hidden="1" customWidth="1"/>
    <col min="11777" max="11777" width="4.75" style="17" customWidth="1"/>
    <col min="11778" max="11778" width="13.125" style="17" customWidth="1"/>
    <col min="11779" max="11779" width="22.625" style="17" customWidth="1"/>
    <col min="11780" max="11780" width="16.25" style="17" customWidth="1"/>
    <col min="11781" max="11781" width="3" style="17" customWidth="1"/>
    <col min="11782" max="12031" width="9" style="17"/>
    <col min="12032" max="12032" width="0" style="17" hidden="1" customWidth="1"/>
    <col min="12033" max="12033" width="4.75" style="17" customWidth="1"/>
    <col min="12034" max="12034" width="13.125" style="17" customWidth="1"/>
    <col min="12035" max="12035" width="22.625" style="17" customWidth="1"/>
    <col min="12036" max="12036" width="16.25" style="17" customWidth="1"/>
    <col min="12037" max="12037" width="3" style="17" customWidth="1"/>
    <col min="12038" max="12287" width="9" style="17"/>
    <col min="12288" max="12288" width="0" style="17" hidden="1" customWidth="1"/>
    <col min="12289" max="12289" width="4.75" style="17" customWidth="1"/>
    <col min="12290" max="12290" width="13.125" style="17" customWidth="1"/>
    <col min="12291" max="12291" width="22.625" style="17" customWidth="1"/>
    <col min="12292" max="12292" width="16.25" style="17" customWidth="1"/>
    <col min="12293" max="12293" width="3" style="17" customWidth="1"/>
    <col min="12294" max="12543" width="9" style="17"/>
    <col min="12544" max="12544" width="0" style="17" hidden="1" customWidth="1"/>
    <col min="12545" max="12545" width="4.75" style="17" customWidth="1"/>
    <col min="12546" max="12546" width="13.125" style="17" customWidth="1"/>
    <col min="12547" max="12547" width="22.625" style="17" customWidth="1"/>
    <col min="12548" max="12548" width="16.25" style="17" customWidth="1"/>
    <col min="12549" max="12549" width="3" style="17" customWidth="1"/>
    <col min="12550" max="12799" width="9" style="17"/>
    <col min="12800" max="12800" width="0" style="17" hidden="1" customWidth="1"/>
    <col min="12801" max="12801" width="4.75" style="17" customWidth="1"/>
    <col min="12802" max="12802" width="13.125" style="17" customWidth="1"/>
    <col min="12803" max="12803" width="22.625" style="17" customWidth="1"/>
    <col min="12804" max="12804" width="16.25" style="17" customWidth="1"/>
    <col min="12805" max="12805" width="3" style="17" customWidth="1"/>
    <col min="12806" max="13055" width="9" style="17"/>
    <col min="13056" max="13056" width="0" style="17" hidden="1" customWidth="1"/>
    <col min="13057" max="13057" width="4.75" style="17" customWidth="1"/>
    <col min="13058" max="13058" width="13.125" style="17" customWidth="1"/>
    <col min="13059" max="13059" width="22.625" style="17" customWidth="1"/>
    <col min="13060" max="13060" width="16.25" style="17" customWidth="1"/>
    <col min="13061" max="13061" width="3" style="17" customWidth="1"/>
    <col min="13062" max="13311" width="9" style="17"/>
    <col min="13312" max="13312" width="0" style="17" hidden="1" customWidth="1"/>
    <col min="13313" max="13313" width="4.75" style="17" customWidth="1"/>
    <col min="13314" max="13314" width="13.125" style="17" customWidth="1"/>
    <col min="13315" max="13315" width="22.625" style="17" customWidth="1"/>
    <col min="13316" max="13316" width="16.25" style="17" customWidth="1"/>
    <col min="13317" max="13317" width="3" style="17" customWidth="1"/>
    <col min="13318" max="13567" width="9" style="17"/>
    <col min="13568" max="13568" width="0" style="17" hidden="1" customWidth="1"/>
    <col min="13569" max="13569" width="4.75" style="17" customWidth="1"/>
    <col min="13570" max="13570" width="13.125" style="17" customWidth="1"/>
    <col min="13571" max="13571" width="22.625" style="17" customWidth="1"/>
    <col min="13572" max="13572" width="16.25" style="17" customWidth="1"/>
    <col min="13573" max="13573" width="3" style="17" customWidth="1"/>
    <col min="13574" max="13823" width="9" style="17"/>
    <col min="13824" max="13824" width="0" style="17" hidden="1" customWidth="1"/>
    <col min="13825" max="13825" width="4.75" style="17" customWidth="1"/>
    <col min="13826" max="13826" width="13.125" style="17" customWidth="1"/>
    <col min="13827" max="13827" width="22.625" style="17" customWidth="1"/>
    <col min="13828" max="13828" width="16.25" style="17" customWidth="1"/>
    <col min="13829" max="13829" width="3" style="17" customWidth="1"/>
    <col min="13830" max="14079" width="9" style="17"/>
    <col min="14080" max="14080" width="0" style="17" hidden="1" customWidth="1"/>
    <col min="14081" max="14081" width="4.75" style="17" customWidth="1"/>
    <col min="14082" max="14082" width="13.125" style="17" customWidth="1"/>
    <col min="14083" max="14083" width="22.625" style="17" customWidth="1"/>
    <col min="14084" max="14084" width="16.25" style="17" customWidth="1"/>
    <col min="14085" max="14085" width="3" style="17" customWidth="1"/>
    <col min="14086" max="14335" width="9" style="17"/>
    <col min="14336" max="14336" width="0" style="17" hidden="1" customWidth="1"/>
    <col min="14337" max="14337" width="4.75" style="17" customWidth="1"/>
    <col min="14338" max="14338" width="13.125" style="17" customWidth="1"/>
    <col min="14339" max="14339" width="22.625" style="17" customWidth="1"/>
    <col min="14340" max="14340" width="16.25" style="17" customWidth="1"/>
    <col min="14341" max="14341" width="3" style="17" customWidth="1"/>
    <col min="14342" max="14591" width="9" style="17"/>
    <col min="14592" max="14592" width="0" style="17" hidden="1" customWidth="1"/>
    <col min="14593" max="14593" width="4.75" style="17" customWidth="1"/>
    <col min="14594" max="14594" width="13.125" style="17" customWidth="1"/>
    <col min="14595" max="14595" width="22.625" style="17" customWidth="1"/>
    <col min="14596" max="14596" width="16.25" style="17" customWidth="1"/>
    <col min="14597" max="14597" width="3" style="17" customWidth="1"/>
    <col min="14598" max="14847" width="9" style="17"/>
    <col min="14848" max="14848" width="0" style="17" hidden="1" customWidth="1"/>
    <col min="14849" max="14849" width="4.75" style="17" customWidth="1"/>
    <col min="14850" max="14850" width="13.125" style="17" customWidth="1"/>
    <col min="14851" max="14851" width="22.625" style="17" customWidth="1"/>
    <col min="14852" max="14852" width="16.25" style="17" customWidth="1"/>
    <col min="14853" max="14853" width="3" style="17" customWidth="1"/>
    <col min="14854" max="15103" width="9" style="17"/>
    <col min="15104" max="15104" width="0" style="17" hidden="1" customWidth="1"/>
    <col min="15105" max="15105" width="4.75" style="17" customWidth="1"/>
    <col min="15106" max="15106" width="13.125" style="17" customWidth="1"/>
    <col min="15107" max="15107" width="22.625" style="17" customWidth="1"/>
    <col min="15108" max="15108" width="16.25" style="17" customWidth="1"/>
    <col min="15109" max="15109" width="3" style="17" customWidth="1"/>
    <col min="15110" max="15359" width="9" style="17"/>
    <col min="15360" max="15360" width="0" style="17" hidden="1" customWidth="1"/>
    <col min="15361" max="15361" width="4.75" style="17" customWidth="1"/>
    <col min="15362" max="15362" width="13.125" style="17" customWidth="1"/>
    <col min="15363" max="15363" width="22.625" style="17" customWidth="1"/>
    <col min="15364" max="15364" width="16.25" style="17" customWidth="1"/>
    <col min="15365" max="15365" width="3" style="17" customWidth="1"/>
    <col min="15366" max="15615" width="9" style="17"/>
    <col min="15616" max="15616" width="0" style="17" hidden="1" customWidth="1"/>
    <col min="15617" max="15617" width="4.75" style="17" customWidth="1"/>
    <col min="15618" max="15618" width="13.125" style="17" customWidth="1"/>
    <col min="15619" max="15619" width="22.625" style="17" customWidth="1"/>
    <col min="15620" max="15620" width="16.25" style="17" customWidth="1"/>
    <col min="15621" max="15621" width="3" style="17" customWidth="1"/>
    <col min="15622" max="15871" width="9" style="17"/>
    <col min="15872" max="15872" width="0" style="17" hidden="1" customWidth="1"/>
    <col min="15873" max="15873" width="4.75" style="17" customWidth="1"/>
    <col min="15874" max="15874" width="13.125" style="17" customWidth="1"/>
    <col min="15875" max="15875" width="22.625" style="17" customWidth="1"/>
    <col min="15876" max="15876" width="16.25" style="17" customWidth="1"/>
    <col min="15877" max="15877" width="3" style="17" customWidth="1"/>
    <col min="15878" max="16127" width="9" style="17"/>
    <col min="16128" max="16128" width="0" style="17" hidden="1" customWidth="1"/>
    <col min="16129" max="16129" width="4.75" style="17" customWidth="1"/>
    <col min="16130" max="16130" width="13.125" style="17" customWidth="1"/>
    <col min="16131" max="16131" width="22.625" style="17" customWidth="1"/>
    <col min="16132" max="16132" width="16.25" style="17" customWidth="1"/>
    <col min="16133" max="16133" width="3" style="17" customWidth="1"/>
    <col min="16134" max="16384" width="9" style="17"/>
  </cols>
  <sheetData>
    <row r="1" spans="1:8" s="13" customFormat="1" ht="30" customHeight="1" thickBot="1" x14ac:dyDescent="0.45">
      <c r="A1" s="12"/>
      <c r="B1" s="61" t="s">
        <v>15</v>
      </c>
      <c r="C1" s="61" t="s">
        <v>16</v>
      </c>
      <c r="D1" s="62" t="s">
        <v>17</v>
      </c>
      <c r="G1" s="14" t="s">
        <v>18</v>
      </c>
      <c r="H1" s="15"/>
    </row>
    <row r="2" spans="1:8" ht="17.25" x14ac:dyDescent="0.15">
      <c r="A2" s="16" t="s">
        <v>19</v>
      </c>
      <c r="B2" s="63">
        <v>1</v>
      </c>
      <c r="C2" s="64">
        <v>1001</v>
      </c>
      <c r="D2" s="65" t="s">
        <v>20</v>
      </c>
      <c r="G2" s="18">
        <v>1</v>
      </c>
      <c r="H2" s="19" t="s">
        <v>21</v>
      </c>
    </row>
    <row r="3" spans="1:8" ht="17.25" x14ac:dyDescent="0.15">
      <c r="A3" s="20" t="s">
        <v>22</v>
      </c>
      <c r="B3" s="66">
        <v>1</v>
      </c>
      <c r="C3" s="67">
        <v>1002</v>
      </c>
      <c r="D3" s="68" t="s">
        <v>23</v>
      </c>
      <c r="G3" s="21">
        <v>2</v>
      </c>
      <c r="H3" s="22" t="s">
        <v>24</v>
      </c>
    </row>
    <row r="4" spans="1:8" ht="17.25" x14ac:dyDescent="0.15">
      <c r="A4" s="20" t="s">
        <v>25</v>
      </c>
      <c r="B4" s="66">
        <v>1</v>
      </c>
      <c r="C4" s="67">
        <v>1003</v>
      </c>
      <c r="D4" s="68" t="s">
        <v>421</v>
      </c>
      <c r="G4" s="21">
        <v>3</v>
      </c>
      <c r="H4" s="22" t="s">
        <v>26</v>
      </c>
    </row>
    <row r="5" spans="1:8" ht="18" thickBot="1" x14ac:dyDescent="0.2">
      <c r="A5" s="20" t="s">
        <v>27</v>
      </c>
      <c r="B5" s="66">
        <v>1</v>
      </c>
      <c r="C5" s="67">
        <v>1004</v>
      </c>
      <c r="D5" s="68" t="s">
        <v>28</v>
      </c>
      <c r="G5" s="23">
        <v>4</v>
      </c>
      <c r="H5" s="24" t="s">
        <v>29</v>
      </c>
    </row>
    <row r="6" spans="1:8" x14ac:dyDescent="0.15">
      <c r="A6" s="20" t="s">
        <v>30</v>
      </c>
      <c r="B6" s="66">
        <v>1</v>
      </c>
      <c r="C6" s="67">
        <v>1005</v>
      </c>
      <c r="D6" s="68" t="s">
        <v>31</v>
      </c>
    </row>
    <row r="7" spans="1:8" x14ac:dyDescent="0.15">
      <c r="A7" s="20" t="s">
        <v>32</v>
      </c>
      <c r="B7" s="66">
        <v>1</v>
      </c>
      <c r="C7" s="67">
        <v>1006</v>
      </c>
      <c r="D7" s="68" t="s">
        <v>422</v>
      </c>
    </row>
    <row r="8" spans="1:8" x14ac:dyDescent="0.15">
      <c r="A8" s="20" t="s">
        <v>33</v>
      </c>
      <c r="B8" s="66">
        <v>1</v>
      </c>
      <c r="C8" s="67">
        <v>1007</v>
      </c>
      <c r="D8" s="68" t="s">
        <v>34</v>
      </c>
    </row>
    <row r="9" spans="1:8" x14ac:dyDescent="0.15">
      <c r="A9" s="20" t="s">
        <v>35</v>
      </c>
      <c r="B9" s="66">
        <v>1</v>
      </c>
      <c r="C9" s="67">
        <v>1008</v>
      </c>
      <c r="D9" s="68" t="s">
        <v>36</v>
      </c>
    </row>
    <row r="10" spans="1:8" x14ac:dyDescent="0.15">
      <c r="A10" s="20" t="s">
        <v>37</v>
      </c>
      <c r="B10" s="66">
        <v>1</v>
      </c>
      <c r="C10" s="67">
        <v>1009</v>
      </c>
      <c r="D10" s="68" t="s">
        <v>38</v>
      </c>
    </row>
    <row r="11" spans="1:8" x14ac:dyDescent="0.15">
      <c r="A11" s="20" t="s">
        <v>39</v>
      </c>
      <c r="B11" s="66">
        <v>1</v>
      </c>
      <c r="C11" s="67">
        <v>1010</v>
      </c>
      <c r="D11" s="68" t="s">
        <v>40</v>
      </c>
    </row>
    <row r="12" spans="1:8" x14ac:dyDescent="0.15">
      <c r="A12" s="20" t="s">
        <v>41</v>
      </c>
      <c r="B12" s="66">
        <v>1</v>
      </c>
      <c r="C12" s="67">
        <v>1011</v>
      </c>
      <c r="D12" s="68" t="s">
        <v>42</v>
      </c>
    </row>
    <row r="13" spans="1:8" x14ac:dyDescent="0.15">
      <c r="A13" s="20" t="s">
        <v>43</v>
      </c>
      <c r="B13" s="66">
        <v>1</v>
      </c>
      <c r="C13" s="67">
        <v>1012</v>
      </c>
      <c r="D13" s="68" t="s">
        <v>44</v>
      </c>
    </row>
    <row r="14" spans="1:8" x14ac:dyDescent="0.15">
      <c r="A14" s="20" t="s">
        <v>45</v>
      </c>
      <c r="B14" s="66">
        <v>1</v>
      </c>
      <c r="C14" s="67">
        <v>1013</v>
      </c>
      <c r="D14" s="68" t="s">
        <v>423</v>
      </c>
    </row>
    <row r="15" spans="1:8" x14ac:dyDescent="0.15">
      <c r="A15" s="20" t="s">
        <v>46</v>
      </c>
      <c r="B15" s="66">
        <v>1</v>
      </c>
      <c r="C15" s="67">
        <v>1014</v>
      </c>
      <c r="D15" s="68" t="s">
        <v>47</v>
      </c>
    </row>
    <row r="16" spans="1:8" x14ac:dyDescent="0.15">
      <c r="A16" s="20" t="s">
        <v>48</v>
      </c>
      <c r="B16" s="66">
        <v>1</v>
      </c>
      <c r="C16" s="67">
        <v>1015</v>
      </c>
      <c r="D16" s="68" t="s">
        <v>49</v>
      </c>
    </row>
    <row r="17" spans="1:4" x14ac:dyDescent="0.15">
      <c r="A17" s="20" t="s">
        <v>50</v>
      </c>
      <c r="B17" s="66">
        <v>1</v>
      </c>
      <c r="C17" s="67">
        <v>1016</v>
      </c>
      <c r="D17" s="68" t="s">
        <v>51</v>
      </c>
    </row>
    <row r="18" spans="1:4" x14ac:dyDescent="0.15">
      <c r="A18" s="20" t="s">
        <v>52</v>
      </c>
      <c r="B18" s="66">
        <v>1</v>
      </c>
      <c r="C18" s="67">
        <v>1017</v>
      </c>
      <c r="D18" s="68" t="s">
        <v>53</v>
      </c>
    </row>
    <row r="19" spans="1:4" x14ac:dyDescent="0.15">
      <c r="A19" s="20" t="s">
        <v>54</v>
      </c>
      <c r="B19" s="66">
        <v>1</v>
      </c>
      <c r="C19" s="67">
        <v>1018</v>
      </c>
      <c r="D19" s="68" t="s">
        <v>424</v>
      </c>
    </row>
    <row r="20" spans="1:4" x14ac:dyDescent="0.15">
      <c r="A20" s="20" t="s">
        <v>55</v>
      </c>
      <c r="B20" s="66">
        <v>1</v>
      </c>
      <c r="C20" s="67">
        <v>1019</v>
      </c>
      <c r="D20" s="68" t="s">
        <v>56</v>
      </c>
    </row>
    <row r="21" spans="1:4" x14ac:dyDescent="0.15">
      <c r="A21" s="20" t="s">
        <v>57</v>
      </c>
      <c r="B21" s="66">
        <v>1</v>
      </c>
      <c r="C21" s="67">
        <v>1020</v>
      </c>
      <c r="D21" s="68" t="s">
        <v>58</v>
      </c>
    </row>
    <row r="22" spans="1:4" x14ac:dyDescent="0.15">
      <c r="A22" s="20" t="s">
        <v>59</v>
      </c>
      <c r="B22" s="66">
        <v>1</v>
      </c>
      <c r="C22" s="67">
        <v>1021</v>
      </c>
      <c r="D22" s="68" t="s">
        <v>60</v>
      </c>
    </row>
    <row r="23" spans="1:4" x14ac:dyDescent="0.15">
      <c r="A23" s="20" t="s">
        <v>61</v>
      </c>
      <c r="B23" s="66">
        <v>1</v>
      </c>
      <c r="C23" s="67">
        <v>1022</v>
      </c>
      <c r="D23" s="68" t="s">
        <v>62</v>
      </c>
    </row>
    <row r="24" spans="1:4" x14ac:dyDescent="0.15">
      <c r="A24" s="20" t="s">
        <v>63</v>
      </c>
      <c r="B24" s="66">
        <v>1</v>
      </c>
      <c r="C24" s="67">
        <v>1023</v>
      </c>
      <c r="D24" s="68" t="s">
        <v>64</v>
      </c>
    </row>
    <row r="25" spans="1:4" x14ac:dyDescent="0.15">
      <c r="A25" s="20" t="s">
        <v>65</v>
      </c>
      <c r="B25" s="66">
        <v>1</v>
      </c>
      <c r="C25" s="67">
        <v>1024</v>
      </c>
      <c r="D25" s="68" t="s">
        <v>66</v>
      </c>
    </row>
    <row r="26" spans="1:4" x14ac:dyDescent="0.15">
      <c r="A26" s="20" t="s">
        <v>67</v>
      </c>
      <c r="B26" s="66">
        <v>1</v>
      </c>
      <c r="C26" s="67">
        <v>1025</v>
      </c>
      <c r="D26" s="68" t="s">
        <v>68</v>
      </c>
    </row>
    <row r="27" spans="1:4" x14ac:dyDescent="0.15">
      <c r="A27" s="20" t="s">
        <v>69</v>
      </c>
      <c r="B27" s="66">
        <v>1</v>
      </c>
      <c r="C27" s="67">
        <v>1026</v>
      </c>
      <c r="D27" s="68" t="s">
        <v>70</v>
      </c>
    </row>
    <row r="28" spans="1:4" x14ac:dyDescent="0.15">
      <c r="A28" s="20" t="s">
        <v>71</v>
      </c>
      <c r="B28" s="66">
        <v>1</v>
      </c>
      <c r="C28" s="67">
        <v>1027</v>
      </c>
      <c r="D28" s="68" t="s">
        <v>72</v>
      </c>
    </row>
    <row r="29" spans="1:4" x14ac:dyDescent="0.15">
      <c r="A29" s="20" t="s">
        <v>73</v>
      </c>
      <c r="B29" s="66">
        <v>1</v>
      </c>
      <c r="C29" s="67">
        <v>1028</v>
      </c>
      <c r="D29" s="68" t="s">
        <v>74</v>
      </c>
    </row>
    <row r="30" spans="1:4" x14ac:dyDescent="0.15">
      <c r="A30" s="20" t="s">
        <v>75</v>
      </c>
      <c r="B30" s="66">
        <v>1</v>
      </c>
      <c r="C30" s="67">
        <v>1029</v>
      </c>
      <c r="D30" s="68" t="s">
        <v>76</v>
      </c>
    </row>
    <row r="31" spans="1:4" x14ac:dyDescent="0.15">
      <c r="A31" s="20" t="s">
        <v>77</v>
      </c>
      <c r="B31" s="66">
        <v>1</v>
      </c>
      <c r="C31" s="67">
        <v>1030</v>
      </c>
      <c r="D31" s="68" t="s">
        <v>78</v>
      </c>
    </row>
    <row r="32" spans="1:4" x14ac:dyDescent="0.15">
      <c r="A32" s="20" t="s">
        <v>77</v>
      </c>
      <c r="B32" s="66">
        <v>1</v>
      </c>
      <c r="C32" s="67">
        <v>1031</v>
      </c>
      <c r="D32" s="68" t="s">
        <v>79</v>
      </c>
    </row>
    <row r="33" spans="1:4" x14ac:dyDescent="0.15">
      <c r="A33" s="20" t="s">
        <v>80</v>
      </c>
      <c r="B33" s="66">
        <v>1</v>
      </c>
      <c r="C33" s="67">
        <v>1032</v>
      </c>
      <c r="D33" s="68" t="s">
        <v>81</v>
      </c>
    </row>
    <row r="34" spans="1:4" x14ac:dyDescent="0.15">
      <c r="A34" s="20" t="s">
        <v>82</v>
      </c>
      <c r="B34" s="66">
        <v>1</v>
      </c>
      <c r="C34" s="67">
        <v>1033</v>
      </c>
      <c r="D34" s="68" t="s">
        <v>83</v>
      </c>
    </row>
    <row r="35" spans="1:4" x14ac:dyDescent="0.15">
      <c r="A35" s="20" t="s">
        <v>84</v>
      </c>
      <c r="B35" s="66">
        <v>1</v>
      </c>
      <c r="C35" s="67">
        <v>1034</v>
      </c>
      <c r="D35" s="68" t="s">
        <v>85</v>
      </c>
    </row>
    <row r="36" spans="1:4" x14ac:dyDescent="0.15">
      <c r="A36" s="20" t="s">
        <v>86</v>
      </c>
      <c r="B36" s="66">
        <v>1</v>
      </c>
      <c r="C36" s="67">
        <v>1035</v>
      </c>
      <c r="D36" s="68" t="s">
        <v>87</v>
      </c>
    </row>
    <row r="37" spans="1:4" x14ac:dyDescent="0.15">
      <c r="A37" s="20" t="s">
        <v>88</v>
      </c>
      <c r="B37" s="66">
        <v>1</v>
      </c>
      <c r="C37" s="67">
        <v>1036</v>
      </c>
      <c r="D37" s="68"/>
    </row>
    <row r="38" spans="1:4" x14ac:dyDescent="0.15">
      <c r="A38" s="20" t="s">
        <v>89</v>
      </c>
      <c r="B38" s="66">
        <v>1</v>
      </c>
      <c r="C38" s="67">
        <v>1037</v>
      </c>
      <c r="D38" s="68" t="s">
        <v>90</v>
      </c>
    </row>
    <row r="39" spans="1:4" x14ac:dyDescent="0.15">
      <c r="A39" s="20" t="s">
        <v>91</v>
      </c>
      <c r="B39" s="66">
        <v>1</v>
      </c>
      <c r="C39" s="67">
        <v>1038</v>
      </c>
      <c r="D39" s="68" t="s">
        <v>425</v>
      </c>
    </row>
    <row r="40" spans="1:4" x14ac:dyDescent="0.15">
      <c r="A40" s="20" t="s">
        <v>92</v>
      </c>
      <c r="B40" s="66">
        <v>1</v>
      </c>
      <c r="C40" s="67">
        <v>1039</v>
      </c>
      <c r="D40" s="68" t="s">
        <v>93</v>
      </c>
    </row>
    <row r="41" spans="1:4" x14ac:dyDescent="0.15">
      <c r="A41" s="20" t="s">
        <v>94</v>
      </c>
      <c r="B41" s="66">
        <v>1</v>
      </c>
      <c r="C41" s="67">
        <v>1040</v>
      </c>
      <c r="D41" s="68"/>
    </row>
    <row r="42" spans="1:4" x14ac:dyDescent="0.15">
      <c r="A42" s="20" t="s">
        <v>95</v>
      </c>
      <c r="B42" s="66">
        <v>1</v>
      </c>
      <c r="C42" s="67">
        <v>1041</v>
      </c>
      <c r="D42" s="68"/>
    </row>
    <row r="43" spans="1:4" x14ac:dyDescent="0.15">
      <c r="A43" s="20" t="s">
        <v>96</v>
      </c>
      <c r="B43" s="66">
        <v>1</v>
      </c>
      <c r="C43" s="67">
        <v>1042</v>
      </c>
      <c r="D43" s="68"/>
    </row>
    <row r="44" spans="1:4" x14ac:dyDescent="0.15">
      <c r="A44" s="20" t="s">
        <v>97</v>
      </c>
      <c r="B44" s="66">
        <v>1</v>
      </c>
      <c r="C44" s="67">
        <v>1043</v>
      </c>
      <c r="D44" s="68"/>
    </row>
    <row r="45" spans="1:4" x14ac:dyDescent="0.15">
      <c r="A45" s="20" t="s">
        <v>98</v>
      </c>
      <c r="B45" s="66">
        <v>1</v>
      </c>
      <c r="C45" s="67">
        <v>1044</v>
      </c>
      <c r="D45" s="68" t="s">
        <v>426</v>
      </c>
    </row>
    <row r="46" spans="1:4" x14ac:dyDescent="0.15">
      <c r="A46" s="20" t="s">
        <v>99</v>
      </c>
      <c r="B46" s="66">
        <v>1</v>
      </c>
      <c r="C46" s="67">
        <v>1045</v>
      </c>
      <c r="D46" s="68" t="s">
        <v>100</v>
      </c>
    </row>
    <row r="47" spans="1:4" x14ac:dyDescent="0.15">
      <c r="A47" s="20" t="s">
        <v>101</v>
      </c>
      <c r="B47" s="66">
        <v>1</v>
      </c>
      <c r="C47" s="67">
        <v>1046</v>
      </c>
      <c r="D47" s="68"/>
    </row>
    <row r="48" spans="1:4" x14ac:dyDescent="0.15">
      <c r="A48" s="20" t="s">
        <v>102</v>
      </c>
      <c r="B48" s="66">
        <v>1</v>
      </c>
      <c r="C48" s="67">
        <v>1047</v>
      </c>
      <c r="D48" s="68" t="s">
        <v>103</v>
      </c>
    </row>
    <row r="49" spans="1:4" x14ac:dyDescent="0.15">
      <c r="A49" s="20" t="s">
        <v>104</v>
      </c>
      <c r="B49" s="66">
        <v>1</v>
      </c>
      <c r="C49" s="67">
        <v>1048</v>
      </c>
      <c r="D49" s="68" t="s">
        <v>427</v>
      </c>
    </row>
    <row r="50" spans="1:4" x14ac:dyDescent="0.15">
      <c r="A50" s="20" t="s">
        <v>105</v>
      </c>
      <c r="B50" s="66">
        <v>1</v>
      </c>
      <c r="C50" s="67">
        <v>1049</v>
      </c>
      <c r="D50" s="68" t="s">
        <v>428</v>
      </c>
    </row>
    <row r="51" spans="1:4" x14ac:dyDescent="0.15">
      <c r="A51" s="20" t="s">
        <v>106</v>
      </c>
      <c r="B51" s="66">
        <v>1</v>
      </c>
      <c r="C51" s="67">
        <v>1050</v>
      </c>
      <c r="D51" s="68" t="s">
        <v>429</v>
      </c>
    </row>
    <row r="52" spans="1:4" x14ac:dyDescent="0.15">
      <c r="A52" s="20" t="s">
        <v>107</v>
      </c>
      <c r="B52" s="66">
        <v>1</v>
      </c>
      <c r="C52" s="67">
        <v>1051</v>
      </c>
      <c r="D52" s="68" t="s">
        <v>430</v>
      </c>
    </row>
    <row r="53" spans="1:4" x14ac:dyDescent="0.15">
      <c r="A53" s="20" t="s">
        <v>108</v>
      </c>
      <c r="B53" s="66">
        <v>1</v>
      </c>
      <c r="C53" s="67">
        <v>1052</v>
      </c>
      <c r="D53" s="68"/>
    </row>
    <row r="54" spans="1:4" x14ac:dyDescent="0.15">
      <c r="A54" s="20" t="s">
        <v>109</v>
      </c>
      <c r="B54" s="66">
        <v>1</v>
      </c>
      <c r="C54" s="67">
        <v>1053</v>
      </c>
      <c r="D54" s="68"/>
    </row>
    <row r="55" spans="1:4" x14ac:dyDescent="0.15">
      <c r="A55" s="20"/>
      <c r="B55" s="66">
        <v>1</v>
      </c>
      <c r="C55" s="67">
        <v>1054</v>
      </c>
      <c r="D55" s="68" t="s">
        <v>431</v>
      </c>
    </row>
    <row r="56" spans="1:4" x14ac:dyDescent="0.15">
      <c r="A56" s="20"/>
      <c r="B56" s="66">
        <v>1</v>
      </c>
      <c r="C56" s="67">
        <v>1055</v>
      </c>
      <c r="D56" s="68" t="s">
        <v>432</v>
      </c>
    </row>
    <row r="57" spans="1:4" x14ac:dyDescent="0.15">
      <c r="A57" s="20" t="s">
        <v>110</v>
      </c>
      <c r="B57" s="66">
        <v>1</v>
      </c>
      <c r="C57" s="67">
        <v>1056</v>
      </c>
      <c r="D57" s="68" t="s">
        <v>433</v>
      </c>
    </row>
    <row r="58" spans="1:4" x14ac:dyDescent="0.15">
      <c r="A58" s="20" t="s">
        <v>111</v>
      </c>
      <c r="B58" s="66">
        <v>1</v>
      </c>
      <c r="C58" s="67">
        <v>1057</v>
      </c>
      <c r="D58" s="69" t="s">
        <v>434</v>
      </c>
    </row>
    <row r="59" spans="1:4" x14ac:dyDescent="0.15">
      <c r="A59" s="20" t="s">
        <v>113</v>
      </c>
      <c r="B59" s="66">
        <v>1</v>
      </c>
      <c r="C59" s="67">
        <v>1101</v>
      </c>
      <c r="D59" s="70" t="s">
        <v>112</v>
      </c>
    </row>
    <row r="60" spans="1:4" x14ac:dyDescent="0.15">
      <c r="A60" s="20" t="s">
        <v>115</v>
      </c>
      <c r="B60" s="66">
        <v>1</v>
      </c>
      <c r="C60" s="67">
        <v>1102</v>
      </c>
      <c r="D60" s="70" t="s">
        <v>114</v>
      </c>
    </row>
    <row r="61" spans="1:4" x14ac:dyDescent="0.15">
      <c r="A61" s="20" t="s">
        <v>117</v>
      </c>
      <c r="B61" s="66">
        <v>1</v>
      </c>
      <c r="C61" s="67">
        <v>1103</v>
      </c>
      <c r="D61" s="70" t="s">
        <v>116</v>
      </c>
    </row>
    <row r="62" spans="1:4" x14ac:dyDescent="0.15">
      <c r="A62" s="20" t="s">
        <v>119</v>
      </c>
      <c r="B62" s="66">
        <v>1</v>
      </c>
      <c r="C62" s="67">
        <v>1104</v>
      </c>
      <c r="D62" s="70" t="s">
        <v>118</v>
      </c>
    </row>
    <row r="63" spans="1:4" x14ac:dyDescent="0.15">
      <c r="A63" s="20" t="s">
        <v>120</v>
      </c>
      <c r="B63" s="66">
        <v>1</v>
      </c>
      <c r="C63" s="67">
        <v>1105</v>
      </c>
      <c r="D63" s="70" t="s">
        <v>435</v>
      </c>
    </row>
    <row r="64" spans="1:4" x14ac:dyDescent="0.15">
      <c r="A64" s="20" t="s">
        <v>122</v>
      </c>
      <c r="B64" s="66">
        <v>1</v>
      </c>
      <c r="C64" s="67">
        <v>1106</v>
      </c>
      <c r="D64" s="68" t="s">
        <v>121</v>
      </c>
    </row>
    <row r="65" spans="1:4" x14ac:dyDescent="0.15">
      <c r="A65" s="20" t="s">
        <v>124</v>
      </c>
      <c r="B65" s="66">
        <v>1</v>
      </c>
      <c r="C65" s="67">
        <v>1107</v>
      </c>
      <c r="D65" s="68" t="s">
        <v>123</v>
      </c>
    </row>
    <row r="66" spans="1:4" x14ac:dyDescent="0.15">
      <c r="A66" s="20" t="s">
        <v>125</v>
      </c>
      <c r="B66" s="66">
        <v>1</v>
      </c>
      <c r="C66" s="67">
        <v>1108</v>
      </c>
      <c r="D66" s="68" t="s">
        <v>436</v>
      </c>
    </row>
    <row r="67" spans="1:4" x14ac:dyDescent="0.15">
      <c r="A67" s="20" t="s">
        <v>127</v>
      </c>
      <c r="B67" s="66">
        <v>1</v>
      </c>
      <c r="C67" s="67">
        <v>1109</v>
      </c>
      <c r="D67" s="68" t="s">
        <v>126</v>
      </c>
    </row>
    <row r="68" spans="1:4" x14ac:dyDescent="0.15">
      <c r="A68" s="20" t="s">
        <v>129</v>
      </c>
      <c r="B68" s="66">
        <v>1</v>
      </c>
      <c r="C68" s="67">
        <v>1110</v>
      </c>
      <c r="D68" s="68" t="s">
        <v>128</v>
      </c>
    </row>
    <row r="69" spans="1:4" x14ac:dyDescent="0.15">
      <c r="A69" s="20" t="s">
        <v>131</v>
      </c>
      <c r="B69" s="66">
        <v>1</v>
      </c>
      <c r="C69" s="67">
        <v>1111</v>
      </c>
      <c r="D69" s="68" t="s">
        <v>130</v>
      </c>
    </row>
    <row r="70" spans="1:4" x14ac:dyDescent="0.15">
      <c r="A70" s="20" t="s">
        <v>133</v>
      </c>
      <c r="B70" s="66">
        <v>1</v>
      </c>
      <c r="C70" s="67">
        <v>1112</v>
      </c>
      <c r="D70" s="68" t="s">
        <v>132</v>
      </c>
    </row>
    <row r="71" spans="1:4" x14ac:dyDescent="0.15">
      <c r="A71" s="20" t="s">
        <v>135</v>
      </c>
      <c r="B71" s="66">
        <v>1</v>
      </c>
      <c r="C71" s="67">
        <v>1113</v>
      </c>
      <c r="D71" s="68" t="s">
        <v>134</v>
      </c>
    </row>
    <row r="72" spans="1:4" x14ac:dyDescent="0.15">
      <c r="A72" s="20" t="s">
        <v>136</v>
      </c>
      <c r="B72" s="66">
        <v>1</v>
      </c>
      <c r="C72" s="67">
        <v>1114</v>
      </c>
      <c r="D72" s="68" t="s">
        <v>437</v>
      </c>
    </row>
    <row r="73" spans="1:4" ht="14.25" thickBot="1" x14ac:dyDescent="0.2">
      <c r="A73" s="25" t="s">
        <v>138</v>
      </c>
      <c r="B73" s="66">
        <v>1</v>
      </c>
      <c r="C73" s="67">
        <v>1115</v>
      </c>
      <c r="D73" s="68" t="s">
        <v>137</v>
      </c>
    </row>
    <row r="74" spans="1:4" x14ac:dyDescent="0.15">
      <c r="A74" s="26" t="s">
        <v>139</v>
      </c>
      <c r="B74" s="66">
        <v>1</v>
      </c>
      <c r="C74" s="67"/>
      <c r="D74" s="68"/>
    </row>
    <row r="75" spans="1:4" ht="14.25" thickBot="1" x14ac:dyDescent="0.2">
      <c r="A75" s="20" t="s">
        <v>140</v>
      </c>
      <c r="B75" s="71">
        <v>1</v>
      </c>
      <c r="C75" s="72">
        <v>1200</v>
      </c>
      <c r="D75" s="73" t="s">
        <v>438</v>
      </c>
    </row>
    <row r="76" spans="1:4" x14ac:dyDescent="0.15">
      <c r="A76" s="20" t="s">
        <v>142</v>
      </c>
      <c r="B76" s="74">
        <v>2</v>
      </c>
      <c r="C76" s="75">
        <v>2001</v>
      </c>
      <c r="D76" s="76" t="s">
        <v>141</v>
      </c>
    </row>
    <row r="77" spans="1:4" x14ac:dyDescent="0.15">
      <c r="A77" s="20" t="s">
        <v>144</v>
      </c>
      <c r="B77" s="66">
        <v>2</v>
      </c>
      <c r="C77" s="67">
        <v>2002</v>
      </c>
      <c r="D77" s="68" t="s">
        <v>143</v>
      </c>
    </row>
    <row r="78" spans="1:4" x14ac:dyDescent="0.15">
      <c r="A78" s="20" t="s">
        <v>146</v>
      </c>
      <c r="B78" s="66">
        <v>2</v>
      </c>
      <c r="C78" s="67">
        <v>2003</v>
      </c>
      <c r="D78" s="68" t="s">
        <v>145</v>
      </c>
    </row>
    <row r="79" spans="1:4" x14ac:dyDescent="0.15">
      <c r="A79" s="20" t="s">
        <v>148</v>
      </c>
      <c r="B79" s="66">
        <v>2</v>
      </c>
      <c r="C79" s="67">
        <v>2004</v>
      </c>
      <c r="D79" s="68" t="s">
        <v>147</v>
      </c>
    </row>
    <row r="80" spans="1:4" x14ac:dyDescent="0.15">
      <c r="A80" s="20" t="s">
        <v>150</v>
      </c>
      <c r="B80" s="66">
        <v>2</v>
      </c>
      <c r="C80" s="67">
        <v>2005</v>
      </c>
      <c r="D80" s="68" t="s">
        <v>149</v>
      </c>
    </row>
    <row r="81" spans="1:4" x14ac:dyDescent="0.15">
      <c r="A81" s="20"/>
      <c r="B81" s="66">
        <v>2</v>
      </c>
      <c r="C81" s="67">
        <v>2006</v>
      </c>
      <c r="D81" s="68"/>
    </row>
    <row r="82" spans="1:4" x14ac:dyDescent="0.15">
      <c r="A82" s="20" t="s">
        <v>151</v>
      </c>
      <c r="B82" s="66">
        <v>2</v>
      </c>
      <c r="C82" s="67">
        <v>2007</v>
      </c>
      <c r="D82" s="68"/>
    </row>
    <row r="83" spans="1:4" x14ac:dyDescent="0.15">
      <c r="A83" s="20" t="s">
        <v>152</v>
      </c>
      <c r="B83" s="66">
        <v>2</v>
      </c>
      <c r="C83" s="67">
        <v>2008</v>
      </c>
      <c r="D83" s="68" t="s">
        <v>439</v>
      </c>
    </row>
    <row r="84" spans="1:4" x14ac:dyDescent="0.15">
      <c r="A84" s="20" t="s">
        <v>154</v>
      </c>
      <c r="B84" s="66">
        <v>2</v>
      </c>
      <c r="C84" s="67">
        <v>2009</v>
      </c>
      <c r="D84" s="68" t="s">
        <v>153</v>
      </c>
    </row>
    <row r="85" spans="1:4" x14ac:dyDescent="0.15">
      <c r="A85" s="20" t="s">
        <v>156</v>
      </c>
      <c r="B85" s="66">
        <v>2</v>
      </c>
      <c r="C85" s="67">
        <v>2010</v>
      </c>
      <c r="D85" s="68" t="s">
        <v>155</v>
      </c>
    </row>
    <row r="86" spans="1:4" x14ac:dyDescent="0.15">
      <c r="A86" s="20" t="s">
        <v>158</v>
      </c>
      <c r="B86" s="66">
        <v>2</v>
      </c>
      <c r="C86" s="67">
        <v>2011</v>
      </c>
      <c r="D86" s="68" t="s">
        <v>157</v>
      </c>
    </row>
    <row r="87" spans="1:4" x14ac:dyDescent="0.15">
      <c r="A87" s="20" t="s">
        <v>160</v>
      </c>
      <c r="B87" s="66">
        <v>2</v>
      </c>
      <c r="C87" s="67">
        <v>2012</v>
      </c>
      <c r="D87" s="68" t="s">
        <v>159</v>
      </c>
    </row>
    <row r="88" spans="1:4" x14ac:dyDescent="0.15">
      <c r="A88" s="20" t="s">
        <v>162</v>
      </c>
      <c r="B88" s="66">
        <v>2</v>
      </c>
      <c r="C88" s="67">
        <v>2013</v>
      </c>
      <c r="D88" s="68" t="s">
        <v>161</v>
      </c>
    </row>
    <row r="89" spans="1:4" x14ac:dyDescent="0.15">
      <c r="A89" s="20" t="s">
        <v>164</v>
      </c>
      <c r="B89" s="66">
        <v>2</v>
      </c>
      <c r="C89" s="67">
        <v>2014</v>
      </c>
      <c r="D89" s="68" t="s">
        <v>163</v>
      </c>
    </row>
    <row r="90" spans="1:4" x14ac:dyDescent="0.15">
      <c r="A90" s="20" t="s">
        <v>166</v>
      </c>
      <c r="B90" s="66">
        <v>2</v>
      </c>
      <c r="C90" s="67">
        <v>2015</v>
      </c>
      <c r="D90" s="68" t="s">
        <v>165</v>
      </c>
    </row>
    <row r="91" spans="1:4" x14ac:dyDescent="0.15">
      <c r="A91" s="20" t="s">
        <v>168</v>
      </c>
      <c r="B91" s="66">
        <v>2</v>
      </c>
      <c r="C91" s="67">
        <v>2016</v>
      </c>
      <c r="D91" s="68" t="s">
        <v>167</v>
      </c>
    </row>
    <row r="92" spans="1:4" x14ac:dyDescent="0.15">
      <c r="A92" s="20" t="s">
        <v>170</v>
      </c>
      <c r="B92" s="66">
        <v>2</v>
      </c>
      <c r="C92" s="67">
        <v>2017</v>
      </c>
      <c r="D92" s="68" t="s">
        <v>169</v>
      </c>
    </row>
    <row r="93" spans="1:4" x14ac:dyDescent="0.15">
      <c r="A93" s="20" t="s">
        <v>172</v>
      </c>
      <c r="B93" s="66">
        <v>2</v>
      </c>
      <c r="C93" s="67">
        <v>2018</v>
      </c>
      <c r="D93" s="68" t="s">
        <v>171</v>
      </c>
    </row>
    <row r="94" spans="1:4" x14ac:dyDescent="0.15">
      <c r="A94" s="20" t="s">
        <v>174</v>
      </c>
      <c r="B94" s="66">
        <v>2</v>
      </c>
      <c r="C94" s="67">
        <v>2019</v>
      </c>
      <c r="D94" s="68" t="s">
        <v>173</v>
      </c>
    </row>
    <row r="95" spans="1:4" x14ac:dyDescent="0.15">
      <c r="A95" s="20" t="s">
        <v>176</v>
      </c>
      <c r="B95" s="66">
        <v>2</v>
      </c>
      <c r="C95" s="67">
        <v>2020</v>
      </c>
      <c r="D95" s="68" t="s">
        <v>175</v>
      </c>
    </row>
    <row r="96" spans="1:4" x14ac:dyDescent="0.15">
      <c r="A96" s="20" t="s">
        <v>178</v>
      </c>
      <c r="B96" s="66">
        <v>2</v>
      </c>
      <c r="C96" s="67">
        <v>2021</v>
      </c>
      <c r="D96" s="68" t="s">
        <v>177</v>
      </c>
    </row>
    <row r="97" spans="1:5" x14ac:dyDescent="0.15">
      <c r="A97" s="20" t="s">
        <v>180</v>
      </c>
      <c r="B97" s="66">
        <v>2</v>
      </c>
      <c r="C97" s="67">
        <v>2022</v>
      </c>
      <c r="D97" s="68" t="s">
        <v>179</v>
      </c>
    </row>
    <row r="98" spans="1:5" x14ac:dyDescent="0.15">
      <c r="A98" s="20" t="s">
        <v>181</v>
      </c>
      <c r="B98" s="66">
        <v>2</v>
      </c>
      <c r="C98" s="67">
        <v>2023</v>
      </c>
      <c r="D98" s="68" t="s">
        <v>440</v>
      </c>
    </row>
    <row r="99" spans="1:5" x14ac:dyDescent="0.15">
      <c r="A99" s="20" t="s">
        <v>183</v>
      </c>
      <c r="B99" s="66">
        <v>2</v>
      </c>
      <c r="C99" s="67">
        <v>2024</v>
      </c>
      <c r="D99" s="68" t="s">
        <v>182</v>
      </c>
    </row>
    <row r="100" spans="1:5" x14ac:dyDescent="0.15">
      <c r="A100" s="20"/>
      <c r="B100" s="66">
        <v>2</v>
      </c>
      <c r="C100" s="67">
        <v>2025</v>
      </c>
      <c r="D100" s="68" t="s">
        <v>184</v>
      </c>
    </row>
    <row r="101" spans="1:5" x14ac:dyDescent="0.15">
      <c r="A101" s="20" t="s">
        <v>185</v>
      </c>
      <c r="B101" s="66">
        <v>2</v>
      </c>
      <c r="C101" s="67">
        <v>2026</v>
      </c>
      <c r="D101" s="70" t="s">
        <v>441</v>
      </c>
    </row>
    <row r="102" spans="1:5" x14ac:dyDescent="0.15">
      <c r="A102" s="20" t="s">
        <v>186</v>
      </c>
      <c r="B102" s="66">
        <v>2</v>
      </c>
      <c r="C102" s="67">
        <v>2027</v>
      </c>
      <c r="D102" s="70" t="s">
        <v>442</v>
      </c>
    </row>
    <row r="103" spans="1:5" x14ac:dyDescent="0.15">
      <c r="A103" s="20" t="s">
        <v>187</v>
      </c>
      <c r="B103" s="66">
        <v>2</v>
      </c>
      <c r="C103" s="67">
        <v>2028</v>
      </c>
      <c r="D103" s="70" t="s">
        <v>443</v>
      </c>
      <c r="E103" s="17" t="s">
        <v>188</v>
      </c>
    </row>
    <row r="104" spans="1:5" x14ac:dyDescent="0.15">
      <c r="A104" s="20" t="s">
        <v>189</v>
      </c>
      <c r="B104" s="66">
        <v>2</v>
      </c>
      <c r="C104" s="67">
        <v>2029</v>
      </c>
      <c r="D104" s="70"/>
    </row>
    <row r="105" spans="1:5" x14ac:dyDescent="0.15">
      <c r="A105" s="20" t="s">
        <v>190</v>
      </c>
      <c r="B105" s="66">
        <v>2</v>
      </c>
      <c r="C105" s="67">
        <v>2030</v>
      </c>
      <c r="D105" s="70" t="s">
        <v>444</v>
      </c>
    </row>
    <row r="106" spans="1:5" x14ac:dyDescent="0.15">
      <c r="A106" s="20" t="s">
        <v>191</v>
      </c>
      <c r="B106" s="66">
        <v>2</v>
      </c>
      <c r="C106" s="67">
        <v>2031</v>
      </c>
      <c r="D106" s="68"/>
      <c r="E106" s="17" t="s">
        <v>188</v>
      </c>
    </row>
    <row r="107" spans="1:5" x14ac:dyDescent="0.15">
      <c r="A107" s="20" t="s">
        <v>192</v>
      </c>
      <c r="B107" s="66">
        <v>2</v>
      </c>
      <c r="C107" s="67">
        <v>2032</v>
      </c>
      <c r="D107" s="68"/>
    </row>
    <row r="108" spans="1:5" x14ac:dyDescent="0.15">
      <c r="A108" s="20" t="s">
        <v>193</v>
      </c>
      <c r="B108" s="66">
        <v>2</v>
      </c>
      <c r="C108" s="67">
        <v>2033</v>
      </c>
      <c r="D108" s="68" t="s">
        <v>445</v>
      </c>
    </row>
    <row r="109" spans="1:5" x14ac:dyDescent="0.15">
      <c r="A109" s="20" t="s">
        <v>194</v>
      </c>
      <c r="B109" s="66">
        <v>2</v>
      </c>
      <c r="C109" s="67">
        <v>2034</v>
      </c>
      <c r="D109" s="68"/>
    </row>
    <row r="110" spans="1:5" x14ac:dyDescent="0.15">
      <c r="A110" s="20" t="s">
        <v>195</v>
      </c>
      <c r="B110" s="66">
        <v>2</v>
      </c>
      <c r="C110" s="67">
        <v>2035</v>
      </c>
      <c r="D110" s="68" t="s">
        <v>446</v>
      </c>
    </row>
    <row r="111" spans="1:5" x14ac:dyDescent="0.15">
      <c r="A111" s="20" t="s">
        <v>196</v>
      </c>
      <c r="B111" s="66">
        <v>2</v>
      </c>
      <c r="C111" s="67">
        <v>2036</v>
      </c>
      <c r="D111" s="70"/>
    </row>
    <row r="112" spans="1:5" x14ac:dyDescent="0.15">
      <c r="A112" s="20"/>
      <c r="B112" s="66">
        <v>2</v>
      </c>
      <c r="C112" s="67">
        <v>2037</v>
      </c>
      <c r="D112" s="68" t="s">
        <v>447</v>
      </c>
    </row>
    <row r="113" spans="1:4" x14ac:dyDescent="0.15">
      <c r="A113" s="20" t="s">
        <v>197</v>
      </c>
      <c r="B113" s="66">
        <v>2</v>
      </c>
      <c r="C113" s="67">
        <v>2038</v>
      </c>
      <c r="D113" s="68"/>
    </row>
    <row r="114" spans="1:4" x14ac:dyDescent="0.15">
      <c r="A114" s="20"/>
      <c r="B114" s="66">
        <v>2</v>
      </c>
      <c r="C114" s="67">
        <v>2039</v>
      </c>
      <c r="D114" s="68" t="s">
        <v>448</v>
      </c>
    </row>
    <row r="115" spans="1:4" x14ac:dyDescent="0.15">
      <c r="A115" s="20" t="s">
        <v>198</v>
      </c>
      <c r="B115" s="66">
        <v>2</v>
      </c>
      <c r="C115" s="67">
        <v>2040</v>
      </c>
      <c r="D115" s="27" t="s">
        <v>449</v>
      </c>
    </row>
    <row r="116" spans="1:4" x14ac:dyDescent="0.15">
      <c r="A116" s="20" t="s">
        <v>200</v>
      </c>
      <c r="B116" s="66">
        <v>2</v>
      </c>
      <c r="C116" s="67">
        <v>2041</v>
      </c>
      <c r="D116" s="68" t="s">
        <v>450</v>
      </c>
    </row>
    <row r="117" spans="1:4" x14ac:dyDescent="0.15">
      <c r="A117" s="20" t="s">
        <v>201</v>
      </c>
      <c r="B117" s="66">
        <v>2</v>
      </c>
      <c r="C117" s="67">
        <v>2042</v>
      </c>
      <c r="D117" s="68" t="s">
        <v>451</v>
      </c>
    </row>
    <row r="118" spans="1:4" x14ac:dyDescent="0.15">
      <c r="A118" s="20" t="s">
        <v>203</v>
      </c>
      <c r="B118" s="66">
        <v>2</v>
      </c>
      <c r="C118" s="67">
        <v>2043</v>
      </c>
      <c r="D118" s="68" t="s">
        <v>452</v>
      </c>
    </row>
    <row r="119" spans="1:4" x14ac:dyDescent="0.15">
      <c r="A119" s="20" t="s">
        <v>204</v>
      </c>
      <c r="B119" s="66">
        <v>2</v>
      </c>
      <c r="C119" s="67">
        <v>2044</v>
      </c>
      <c r="D119" s="68" t="s">
        <v>453</v>
      </c>
    </row>
    <row r="120" spans="1:4" x14ac:dyDescent="0.15">
      <c r="A120" s="20" t="s">
        <v>206</v>
      </c>
      <c r="B120" s="66">
        <v>2</v>
      </c>
      <c r="C120" s="67">
        <v>2045</v>
      </c>
      <c r="D120" s="69" t="s">
        <v>454</v>
      </c>
    </row>
    <row r="121" spans="1:4" x14ac:dyDescent="0.15">
      <c r="A121" s="20" t="s">
        <v>208</v>
      </c>
      <c r="B121" s="66">
        <v>2</v>
      </c>
      <c r="C121" s="67">
        <v>2046</v>
      </c>
      <c r="D121" s="69" t="s">
        <v>455</v>
      </c>
    </row>
    <row r="122" spans="1:4" x14ac:dyDescent="0.15">
      <c r="A122" s="20" t="s">
        <v>210</v>
      </c>
      <c r="B122" s="66">
        <v>2</v>
      </c>
      <c r="C122" s="67">
        <v>2101</v>
      </c>
      <c r="D122" s="68" t="s">
        <v>199</v>
      </c>
    </row>
    <row r="123" spans="1:4" x14ac:dyDescent="0.15">
      <c r="A123" s="20" t="s">
        <v>212</v>
      </c>
      <c r="B123" s="66">
        <v>2</v>
      </c>
      <c r="C123" s="67">
        <v>2102</v>
      </c>
      <c r="D123" s="68" t="s">
        <v>456</v>
      </c>
    </row>
    <row r="124" spans="1:4" x14ac:dyDescent="0.15">
      <c r="A124" s="20" t="s">
        <v>214</v>
      </c>
      <c r="B124" s="66">
        <v>2</v>
      </c>
      <c r="C124" s="67">
        <v>2103</v>
      </c>
      <c r="D124" s="68" t="s">
        <v>202</v>
      </c>
    </row>
    <row r="125" spans="1:4" x14ac:dyDescent="0.15">
      <c r="A125" s="20" t="s">
        <v>215</v>
      </c>
      <c r="B125" s="66">
        <v>2</v>
      </c>
      <c r="C125" s="67">
        <v>2104</v>
      </c>
      <c r="D125" s="68" t="s">
        <v>457</v>
      </c>
    </row>
    <row r="126" spans="1:4" x14ac:dyDescent="0.15">
      <c r="A126" s="20" t="s">
        <v>216</v>
      </c>
      <c r="B126" s="66">
        <v>2</v>
      </c>
      <c r="C126" s="67">
        <v>2105</v>
      </c>
      <c r="D126" s="68" t="s">
        <v>205</v>
      </c>
    </row>
    <row r="127" spans="1:4" x14ac:dyDescent="0.15">
      <c r="A127" s="20" t="s">
        <v>217</v>
      </c>
      <c r="B127" s="66">
        <v>2</v>
      </c>
      <c r="C127" s="67">
        <v>2106</v>
      </c>
      <c r="D127" s="68" t="s">
        <v>207</v>
      </c>
    </row>
    <row r="128" spans="1:4" x14ac:dyDescent="0.15">
      <c r="A128" s="20" t="s">
        <v>219</v>
      </c>
      <c r="B128" s="66">
        <v>2</v>
      </c>
      <c r="C128" s="67">
        <v>2107</v>
      </c>
      <c r="D128" s="70" t="s">
        <v>209</v>
      </c>
    </row>
    <row r="129" spans="1:5" x14ac:dyDescent="0.15">
      <c r="A129" s="20" t="s">
        <v>221</v>
      </c>
      <c r="B129" s="66">
        <v>2</v>
      </c>
      <c r="C129" s="67">
        <v>2108</v>
      </c>
      <c r="D129" s="68" t="s">
        <v>211</v>
      </c>
    </row>
    <row r="130" spans="1:5" x14ac:dyDescent="0.15">
      <c r="A130" s="20" t="s">
        <v>223</v>
      </c>
      <c r="B130" s="66">
        <v>2</v>
      </c>
      <c r="C130" s="67">
        <v>2109</v>
      </c>
      <c r="D130" s="68" t="s">
        <v>213</v>
      </c>
    </row>
    <row r="131" spans="1:5" x14ac:dyDescent="0.15">
      <c r="A131" s="20" t="s">
        <v>225</v>
      </c>
      <c r="B131" s="66">
        <v>2</v>
      </c>
      <c r="C131" s="67">
        <v>2110</v>
      </c>
      <c r="D131" s="68" t="s">
        <v>458</v>
      </c>
    </row>
    <row r="132" spans="1:5" x14ac:dyDescent="0.15">
      <c r="A132" s="20" t="s">
        <v>226</v>
      </c>
      <c r="B132" s="66">
        <v>2</v>
      </c>
      <c r="C132" s="67">
        <v>2111</v>
      </c>
      <c r="D132" s="68" t="s">
        <v>459</v>
      </c>
    </row>
    <row r="133" spans="1:5" x14ac:dyDescent="0.15">
      <c r="A133" s="20" t="s">
        <v>227</v>
      </c>
      <c r="B133" s="66">
        <v>2</v>
      </c>
      <c r="C133" s="67">
        <v>2112</v>
      </c>
      <c r="D133" s="68" t="s">
        <v>460</v>
      </c>
    </row>
    <row r="134" spans="1:5" x14ac:dyDescent="0.15">
      <c r="A134" s="20" t="s">
        <v>229</v>
      </c>
      <c r="B134" s="66">
        <v>2</v>
      </c>
      <c r="C134" s="67">
        <v>2113</v>
      </c>
      <c r="D134" s="68" t="s">
        <v>218</v>
      </c>
    </row>
    <row r="135" spans="1:5" x14ac:dyDescent="0.15">
      <c r="A135" s="20" t="s">
        <v>231</v>
      </c>
      <c r="B135" s="66">
        <v>2</v>
      </c>
      <c r="C135" s="67">
        <v>2114</v>
      </c>
      <c r="D135" s="68" t="s">
        <v>220</v>
      </c>
    </row>
    <row r="136" spans="1:5" x14ac:dyDescent="0.15">
      <c r="A136" s="20" t="s">
        <v>232</v>
      </c>
      <c r="B136" s="66">
        <v>2</v>
      </c>
      <c r="C136" s="67">
        <v>2115</v>
      </c>
      <c r="D136" s="68" t="s">
        <v>222</v>
      </c>
    </row>
    <row r="137" spans="1:5" x14ac:dyDescent="0.15">
      <c r="A137" s="20" t="s">
        <v>233</v>
      </c>
      <c r="B137" s="66">
        <v>2</v>
      </c>
      <c r="C137" s="67">
        <v>2116</v>
      </c>
      <c r="D137" s="68" t="s">
        <v>224</v>
      </c>
    </row>
    <row r="138" spans="1:5" x14ac:dyDescent="0.15">
      <c r="A138" s="20" t="s">
        <v>234</v>
      </c>
      <c r="B138" s="66">
        <v>2</v>
      </c>
      <c r="C138" s="67">
        <v>2117</v>
      </c>
      <c r="D138" s="68" t="s">
        <v>461</v>
      </c>
    </row>
    <row r="139" spans="1:5" x14ac:dyDescent="0.15">
      <c r="A139" s="20" t="s">
        <v>235</v>
      </c>
      <c r="B139" s="66">
        <v>2</v>
      </c>
      <c r="C139" s="67">
        <v>2118</v>
      </c>
      <c r="D139" s="68" t="s">
        <v>462</v>
      </c>
      <c r="E139" s="17" t="s">
        <v>419</v>
      </c>
    </row>
    <row r="140" spans="1:5" x14ac:dyDescent="0.15">
      <c r="A140" s="25"/>
      <c r="B140" s="66">
        <v>2</v>
      </c>
      <c r="C140" s="67">
        <v>2119</v>
      </c>
      <c r="D140" s="68" t="s">
        <v>228</v>
      </c>
    </row>
    <row r="141" spans="1:5" ht="14.25" thickBot="1" x14ac:dyDescent="0.2">
      <c r="A141" s="28" t="s">
        <v>237</v>
      </c>
      <c r="B141" s="66">
        <v>2</v>
      </c>
      <c r="C141" s="67">
        <v>2120</v>
      </c>
      <c r="D141" s="68" t="s">
        <v>230</v>
      </c>
    </row>
    <row r="142" spans="1:5" x14ac:dyDescent="0.15">
      <c r="A142" s="16" t="s">
        <v>239</v>
      </c>
      <c r="B142" s="66">
        <v>2</v>
      </c>
      <c r="C142" s="67">
        <v>2121</v>
      </c>
      <c r="D142" s="68" t="s">
        <v>463</v>
      </c>
    </row>
    <row r="143" spans="1:5" x14ac:dyDescent="0.15">
      <c r="A143" s="20" t="s">
        <v>241</v>
      </c>
      <c r="B143" s="66">
        <v>2</v>
      </c>
      <c r="C143" s="67">
        <v>2122</v>
      </c>
      <c r="D143" s="68" t="s">
        <v>464</v>
      </c>
    </row>
    <row r="144" spans="1:5" x14ac:dyDescent="0.15">
      <c r="A144" s="20" t="s">
        <v>243</v>
      </c>
      <c r="B144" s="66">
        <v>2</v>
      </c>
      <c r="C144" s="67">
        <v>2123</v>
      </c>
      <c r="D144" s="68" t="s">
        <v>465</v>
      </c>
    </row>
    <row r="145" spans="1:4" x14ac:dyDescent="0.15">
      <c r="A145" s="20" t="s">
        <v>245</v>
      </c>
      <c r="B145" s="66">
        <v>2</v>
      </c>
      <c r="C145" s="67">
        <v>2124</v>
      </c>
      <c r="D145" s="68" t="s">
        <v>466</v>
      </c>
    </row>
    <row r="146" spans="1:4" x14ac:dyDescent="0.15">
      <c r="A146" s="20" t="s">
        <v>247</v>
      </c>
      <c r="B146" s="66">
        <v>2</v>
      </c>
      <c r="C146" s="67">
        <v>2125</v>
      </c>
      <c r="D146" s="68" t="s">
        <v>236</v>
      </c>
    </row>
    <row r="147" spans="1:4" x14ac:dyDescent="0.15">
      <c r="A147" s="20" t="s">
        <v>249</v>
      </c>
      <c r="B147" s="66">
        <v>2</v>
      </c>
      <c r="C147" s="67">
        <v>2126</v>
      </c>
      <c r="D147" s="68" t="s">
        <v>467</v>
      </c>
    </row>
    <row r="148" spans="1:4" ht="14.25" thickBot="1" x14ac:dyDescent="0.2">
      <c r="A148" s="20" t="s">
        <v>251</v>
      </c>
      <c r="B148" s="77">
        <v>2</v>
      </c>
      <c r="C148" s="78">
        <v>2200</v>
      </c>
      <c r="D148" s="79" t="s">
        <v>238</v>
      </c>
    </row>
    <row r="149" spans="1:4" x14ac:dyDescent="0.15">
      <c r="A149" s="20" t="s">
        <v>253</v>
      </c>
      <c r="B149" s="63">
        <v>3</v>
      </c>
      <c r="C149" s="64">
        <v>3001</v>
      </c>
      <c r="D149" s="65" t="s">
        <v>240</v>
      </c>
    </row>
    <row r="150" spans="1:4" x14ac:dyDescent="0.15">
      <c r="A150" s="20" t="s">
        <v>255</v>
      </c>
      <c r="B150" s="66">
        <v>3</v>
      </c>
      <c r="C150" s="67">
        <v>3002</v>
      </c>
      <c r="D150" s="68" t="s">
        <v>242</v>
      </c>
    </row>
    <row r="151" spans="1:4" x14ac:dyDescent="0.15">
      <c r="A151" s="20" t="s">
        <v>257</v>
      </c>
      <c r="B151" s="66">
        <v>3</v>
      </c>
      <c r="C151" s="67">
        <v>3003</v>
      </c>
      <c r="D151" s="68" t="s">
        <v>244</v>
      </c>
    </row>
    <row r="152" spans="1:4" x14ac:dyDescent="0.15">
      <c r="A152" s="20" t="s">
        <v>259</v>
      </c>
      <c r="B152" s="66">
        <v>3</v>
      </c>
      <c r="C152" s="67">
        <v>3004</v>
      </c>
      <c r="D152" s="68" t="s">
        <v>246</v>
      </c>
    </row>
    <row r="153" spans="1:4" x14ac:dyDescent="0.15">
      <c r="A153" s="20" t="s">
        <v>261</v>
      </c>
      <c r="B153" s="66">
        <v>3</v>
      </c>
      <c r="C153" s="67">
        <v>3005</v>
      </c>
      <c r="D153" s="68" t="s">
        <v>248</v>
      </c>
    </row>
    <row r="154" spans="1:4" x14ac:dyDescent="0.15">
      <c r="A154" s="20" t="s">
        <v>261</v>
      </c>
      <c r="B154" s="66">
        <v>3</v>
      </c>
      <c r="C154" s="67">
        <v>3006</v>
      </c>
      <c r="D154" s="68" t="s">
        <v>250</v>
      </c>
    </row>
    <row r="155" spans="1:4" x14ac:dyDescent="0.15">
      <c r="A155" s="20" t="s">
        <v>264</v>
      </c>
      <c r="B155" s="66">
        <v>3</v>
      </c>
      <c r="C155" s="67">
        <v>3007</v>
      </c>
      <c r="D155" s="68" t="s">
        <v>252</v>
      </c>
    </row>
    <row r="156" spans="1:4" x14ac:dyDescent="0.15">
      <c r="A156" s="20" t="s">
        <v>265</v>
      </c>
      <c r="B156" s="66">
        <v>3</v>
      </c>
      <c r="C156" s="67">
        <v>3008</v>
      </c>
      <c r="D156" s="68" t="s">
        <v>254</v>
      </c>
    </row>
    <row r="157" spans="1:4" x14ac:dyDescent="0.15">
      <c r="A157" s="20" t="s">
        <v>267</v>
      </c>
      <c r="B157" s="66">
        <v>3</v>
      </c>
      <c r="C157" s="67">
        <v>3009</v>
      </c>
      <c r="D157" s="68" t="s">
        <v>256</v>
      </c>
    </row>
    <row r="158" spans="1:4" x14ac:dyDescent="0.15">
      <c r="A158" s="20" t="s">
        <v>269</v>
      </c>
      <c r="B158" s="66">
        <v>3</v>
      </c>
      <c r="C158" s="67">
        <v>3010</v>
      </c>
      <c r="D158" s="68" t="s">
        <v>258</v>
      </c>
    </row>
    <row r="159" spans="1:4" x14ac:dyDescent="0.15">
      <c r="A159" s="20" t="s">
        <v>271</v>
      </c>
      <c r="B159" s="66">
        <v>3</v>
      </c>
      <c r="C159" s="67">
        <v>3011</v>
      </c>
      <c r="D159" s="68" t="s">
        <v>260</v>
      </c>
    </row>
    <row r="160" spans="1:4" x14ac:dyDescent="0.15">
      <c r="A160" s="20" t="s">
        <v>273</v>
      </c>
      <c r="B160" s="66">
        <v>3</v>
      </c>
      <c r="C160" s="67">
        <v>3012</v>
      </c>
      <c r="D160" s="68" t="s">
        <v>262</v>
      </c>
    </row>
    <row r="161" spans="1:4" x14ac:dyDescent="0.15">
      <c r="A161" s="20" t="s">
        <v>275</v>
      </c>
      <c r="B161" s="66">
        <v>3</v>
      </c>
      <c r="C161" s="67">
        <v>3013</v>
      </c>
      <c r="D161" s="68" t="s">
        <v>263</v>
      </c>
    </row>
    <row r="162" spans="1:4" x14ac:dyDescent="0.15">
      <c r="A162" s="20" t="s">
        <v>277</v>
      </c>
      <c r="B162" s="66">
        <v>3</v>
      </c>
      <c r="C162" s="67">
        <v>3014</v>
      </c>
      <c r="D162" s="68" t="s">
        <v>468</v>
      </c>
    </row>
    <row r="163" spans="1:4" x14ac:dyDescent="0.15">
      <c r="A163" s="20" t="s">
        <v>279</v>
      </c>
      <c r="B163" s="66">
        <v>3</v>
      </c>
      <c r="C163" s="67">
        <v>3015</v>
      </c>
      <c r="D163" s="68" t="s">
        <v>266</v>
      </c>
    </row>
    <row r="164" spans="1:4" x14ac:dyDescent="0.15">
      <c r="A164" s="20" t="s">
        <v>281</v>
      </c>
      <c r="B164" s="66">
        <v>3</v>
      </c>
      <c r="C164" s="67">
        <v>3016</v>
      </c>
      <c r="D164" s="68" t="s">
        <v>268</v>
      </c>
    </row>
    <row r="165" spans="1:4" x14ac:dyDescent="0.15">
      <c r="A165" s="20" t="s">
        <v>283</v>
      </c>
      <c r="B165" s="66">
        <v>3</v>
      </c>
      <c r="C165" s="67">
        <v>3017</v>
      </c>
      <c r="D165" s="68" t="s">
        <v>270</v>
      </c>
    </row>
    <row r="166" spans="1:4" x14ac:dyDescent="0.15">
      <c r="A166" s="20" t="s">
        <v>283</v>
      </c>
      <c r="B166" s="66">
        <v>3</v>
      </c>
      <c r="C166" s="67">
        <v>3018</v>
      </c>
      <c r="D166" s="68" t="s">
        <v>272</v>
      </c>
    </row>
    <row r="167" spans="1:4" x14ac:dyDescent="0.15">
      <c r="A167" s="20" t="s">
        <v>286</v>
      </c>
      <c r="B167" s="66">
        <v>3</v>
      </c>
      <c r="C167" s="67">
        <v>3019</v>
      </c>
      <c r="D167" s="68" t="s">
        <v>274</v>
      </c>
    </row>
    <row r="168" spans="1:4" x14ac:dyDescent="0.15">
      <c r="A168" s="20" t="s">
        <v>286</v>
      </c>
      <c r="B168" s="66">
        <v>3</v>
      </c>
      <c r="C168" s="67">
        <v>3020</v>
      </c>
      <c r="D168" s="68" t="s">
        <v>276</v>
      </c>
    </row>
    <row r="169" spans="1:4" x14ac:dyDescent="0.15">
      <c r="A169" s="20" t="s">
        <v>289</v>
      </c>
      <c r="B169" s="66">
        <v>3</v>
      </c>
      <c r="C169" s="67">
        <v>3021</v>
      </c>
      <c r="D169" s="68" t="s">
        <v>278</v>
      </c>
    </row>
    <row r="170" spans="1:4" x14ac:dyDescent="0.15">
      <c r="A170" s="20"/>
      <c r="B170" s="66">
        <v>3</v>
      </c>
      <c r="C170" s="67">
        <v>3022</v>
      </c>
      <c r="D170" s="68" t="s">
        <v>280</v>
      </c>
    </row>
    <row r="171" spans="1:4" x14ac:dyDescent="0.15">
      <c r="A171" s="20" t="s">
        <v>291</v>
      </c>
      <c r="B171" s="66">
        <v>3</v>
      </c>
      <c r="C171" s="67">
        <v>3023</v>
      </c>
      <c r="D171" s="68" t="s">
        <v>282</v>
      </c>
    </row>
    <row r="172" spans="1:4" x14ac:dyDescent="0.15">
      <c r="A172" s="20" t="s">
        <v>292</v>
      </c>
      <c r="B172" s="66">
        <v>3</v>
      </c>
      <c r="C172" s="67">
        <v>3024</v>
      </c>
      <c r="D172" s="68" t="s">
        <v>284</v>
      </c>
    </row>
    <row r="173" spans="1:4" x14ac:dyDescent="0.15">
      <c r="A173" s="20" t="s">
        <v>293</v>
      </c>
      <c r="B173" s="66">
        <v>3</v>
      </c>
      <c r="C173" s="67">
        <v>3025</v>
      </c>
      <c r="D173" s="68" t="s">
        <v>285</v>
      </c>
    </row>
    <row r="174" spans="1:4" x14ac:dyDescent="0.15">
      <c r="A174" s="20" t="s">
        <v>293</v>
      </c>
      <c r="B174" s="66">
        <v>3</v>
      </c>
      <c r="C174" s="67">
        <v>3026</v>
      </c>
      <c r="D174" s="68" t="s">
        <v>287</v>
      </c>
    </row>
    <row r="175" spans="1:4" x14ac:dyDescent="0.15">
      <c r="A175" s="20" t="s">
        <v>295</v>
      </c>
      <c r="B175" s="66">
        <v>3</v>
      </c>
      <c r="C175" s="67">
        <v>3027</v>
      </c>
      <c r="D175" s="68" t="s">
        <v>288</v>
      </c>
    </row>
    <row r="176" spans="1:4" x14ac:dyDescent="0.15">
      <c r="A176" s="20" t="s">
        <v>297</v>
      </c>
      <c r="B176" s="66">
        <v>3</v>
      </c>
      <c r="C176" s="67">
        <v>3028</v>
      </c>
      <c r="D176" s="68" t="s">
        <v>469</v>
      </c>
    </row>
    <row r="177" spans="1:4" x14ac:dyDescent="0.15">
      <c r="A177" s="20" t="s">
        <v>299</v>
      </c>
      <c r="B177" s="66">
        <v>3</v>
      </c>
      <c r="C177" s="67">
        <v>3029</v>
      </c>
      <c r="D177" s="68" t="s">
        <v>290</v>
      </c>
    </row>
    <row r="178" spans="1:4" x14ac:dyDescent="0.15">
      <c r="A178" s="20" t="s">
        <v>301</v>
      </c>
      <c r="B178" s="66">
        <v>3</v>
      </c>
      <c r="C178" s="67">
        <v>3030</v>
      </c>
      <c r="D178" s="68" t="s">
        <v>470</v>
      </c>
    </row>
    <row r="179" spans="1:4" x14ac:dyDescent="0.15">
      <c r="A179" s="20" t="s">
        <v>303</v>
      </c>
      <c r="B179" s="66">
        <v>3</v>
      </c>
      <c r="C179" s="67">
        <v>3031</v>
      </c>
      <c r="D179" s="68"/>
    </row>
    <row r="180" spans="1:4" x14ac:dyDescent="0.15">
      <c r="A180" s="20" t="s">
        <v>303</v>
      </c>
      <c r="B180" s="66">
        <v>3</v>
      </c>
      <c r="C180" s="67">
        <v>3032</v>
      </c>
      <c r="D180" s="68"/>
    </row>
    <row r="181" spans="1:4" x14ac:dyDescent="0.15">
      <c r="A181" s="20" t="s">
        <v>306</v>
      </c>
      <c r="B181" s="66">
        <v>3</v>
      </c>
      <c r="C181" s="67">
        <v>3033</v>
      </c>
      <c r="D181" s="68" t="s">
        <v>294</v>
      </c>
    </row>
    <row r="182" spans="1:4" x14ac:dyDescent="0.15">
      <c r="A182" s="20" t="s">
        <v>307</v>
      </c>
      <c r="B182" s="66">
        <v>3</v>
      </c>
      <c r="C182" s="67">
        <v>3034</v>
      </c>
      <c r="D182" s="68" t="s">
        <v>296</v>
      </c>
    </row>
    <row r="183" spans="1:4" x14ac:dyDescent="0.15">
      <c r="A183" s="20" t="s">
        <v>309</v>
      </c>
      <c r="B183" s="66">
        <v>3</v>
      </c>
      <c r="C183" s="67">
        <v>3035</v>
      </c>
      <c r="D183" s="68" t="s">
        <v>298</v>
      </c>
    </row>
    <row r="184" spans="1:4" x14ac:dyDescent="0.15">
      <c r="A184" s="20" t="s">
        <v>311</v>
      </c>
      <c r="B184" s="66">
        <v>3</v>
      </c>
      <c r="C184" s="67">
        <v>3036</v>
      </c>
      <c r="D184" s="68" t="s">
        <v>300</v>
      </c>
    </row>
    <row r="185" spans="1:4" x14ac:dyDescent="0.15">
      <c r="A185" s="20" t="s">
        <v>313</v>
      </c>
      <c r="B185" s="66">
        <v>3</v>
      </c>
      <c r="C185" s="67">
        <v>3037</v>
      </c>
      <c r="D185" s="68" t="s">
        <v>302</v>
      </c>
    </row>
    <row r="186" spans="1:4" x14ac:dyDescent="0.15">
      <c r="A186" s="20" t="s">
        <v>315</v>
      </c>
      <c r="B186" s="66">
        <v>3</v>
      </c>
      <c r="C186" s="67">
        <v>3038</v>
      </c>
      <c r="D186" s="68" t="s">
        <v>304</v>
      </c>
    </row>
    <row r="187" spans="1:4" x14ac:dyDescent="0.15">
      <c r="A187" s="20" t="s">
        <v>316</v>
      </c>
      <c r="B187" s="66">
        <v>3</v>
      </c>
      <c r="C187" s="67">
        <v>3039</v>
      </c>
      <c r="D187" s="68" t="s">
        <v>305</v>
      </c>
    </row>
    <row r="188" spans="1:4" x14ac:dyDescent="0.15">
      <c r="A188" s="20" t="s">
        <v>317</v>
      </c>
      <c r="B188" s="66">
        <v>3</v>
      </c>
      <c r="C188" s="67">
        <v>3040</v>
      </c>
      <c r="D188" s="68" t="s">
        <v>471</v>
      </c>
    </row>
    <row r="189" spans="1:4" ht="14.25" thickBot="1" x14ac:dyDescent="0.2">
      <c r="A189" s="25" t="s">
        <v>319</v>
      </c>
      <c r="B189" s="66">
        <v>3</v>
      </c>
      <c r="C189" s="67">
        <v>3041</v>
      </c>
      <c r="D189" s="68" t="s">
        <v>308</v>
      </c>
    </row>
    <row r="190" spans="1:4" x14ac:dyDescent="0.15">
      <c r="A190" s="26" t="s">
        <v>320</v>
      </c>
      <c r="B190" s="66">
        <v>3</v>
      </c>
      <c r="C190" s="67">
        <v>3042</v>
      </c>
      <c r="D190" s="68" t="s">
        <v>310</v>
      </c>
    </row>
    <row r="191" spans="1:4" x14ac:dyDescent="0.15">
      <c r="A191" s="20" t="s">
        <v>321</v>
      </c>
      <c r="B191" s="66">
        <v>3</v>
      </c>
      <c r="C191" s="67">
        <v>3043</v>
      </c>
      <c r="D191" s="68" t="s">
        <v>312</v>
      </c>
    </row>
    <row r="192" spans="1:4" x14ac:dyDescent="0.15">
      <c r="A192" s="20" t="s">
        <v>323</v>
      </c>
      <c r="B192" s="66">
        <v>3</v>
      </c>
      <c r="C192" s="67">
        <v>3044</v>
      </c>
      <c r="D192" s="68" t="s">
        <v>314</v>
      </c>
    </row>
    <row r="193" spans="1:4" x14ac:dyDescent="0.15">
      <c r="A193" s="20" t="s">
        <v>325</v>
      </c>
      <c r="B193" s="66">
        <v>3</v>
      </c>
      <c r="C193" s="67">
        <v>3045</v>
      </c>
      <c r="D193" s="69" t="s">
        <v>472</v>
      </c>
    </row>
    <row r="194" spans="1:4" x14ac:dyDescent="0.15">
      <c r="A194" s="20" t="s">
        <v>327</v>
      </c>
      <c r="B194" s="66">
        <v>3</v>
      </c>
      <c r="C194" s="67">
        <v>3046</v>
      </c>
      <c r="D194" s="68"/>
    </row>
    <row r="195" spans="1:4" x14ac:dyDescent="0.15">
      <c r="A195" s="20" t="s">
        <v>329</v>
      </c>
      <c r="B195" s="66">
        <v>3</v>
      </c>
      <c r="C195" s="67">
        <v>3101</v>
      </c>
      <c r="D195" s="68" t="s">
        <v>318</v>
      </c>
    </row>
    <row r="196" spans="1:4" x14ac:dyDescent="0.15">
      <c r="A196" s="20" t="s">
        <v>329</v>
      </c>
      <c r="B196" s="66">
        <v>3</v>
      </c>
      <c r="C196" s="67">
        <v>3102</v>
      </c>
      <c r="D196" s="68" t="s">
        <v>473</v>
      </c>
    </row>
    <row r="197" spans="1:4" ht="14.25" thickBot="1" x14ac:dyDescent="0.2">
      <c r="A197" s="20" t="s">
        <v>332</v>
      </c>
      <c r="B197" s="71">
        <v>3</v>
      </c>
      <c r="C197" s="72">
        <v>3200</v>
      </c>
      <c r="D197" s="73" t="s">
        <v>474</v>
      </c>
    </row>
    <row r="198" spans="1:4" x14ac:dyDescent="0.15">
      <c r="A198" s="20" t="s">
        <v>334</v>
      </c>
      <c r="B198" s="74">
        <v>4</v>
      </c>
      <c r="C198" s="75">
        <v>4001</v>
      </c>
      <c r="D198" s="76" t="s">
        <v>322</v>
      </c>
    </row>
    <row r="199" spans="1:4" x14ac:dyDescent="0.15">
      <c r="A199" s="20" t="s">
        <v>336</v>
      </c>
      <c r="B199" s="66">
        <v>4</v>
      </c>
      <c r="C199" s="67">
        <v>4002</v>
      </c>
      <c r="D199" s="68" t="s">
        <v>324</v>
      </c>
    </row>
    <row r="200" spans="1:4" x14ac:dyDescent="0.15">
      <c r="A200" s="20" t="s">
        <v>338</v>
      </c>
      <c r="B200" s="66">
        <v>4</v>
      </c>
      <c r="C200" s="67">
        <v>4003</v>
      </c>
      <c r="D200" s="68" t="s">
        <v>326</v>
      </c>
    </row>
    <row r="201" spans="1:4" x14ac:dyDescent="0.15">
      <c r="A201" s="20" t="s">
        <v>340</v>
      </c>
      <c r="B201" s="66">
        <v>4</v>
      </c>
      <c r="C201" s="67">
        <v>4004</v>
      </c>
      <c r="D201" s="68" t="s">
        <v>328</v>
      </c>
    </row>
    <row r="202" spans="1:4" x14ac:dyDescent="0.15">
      <c r="A202" s="20" t="s">
        <v>340</v>
      </c>
      <c r="B202" s="66">
        <v>4</v>
      </c>
      <c r="C202" s="67">
        <v>4005</v>
      </c>
      <c r="D202" s="68" t="s">
        <v>330</v>
      </c>
    </row>
    <row r="203" spans="1:4" x14ac:dyDescent="0.15">
      <c r="A203" s="20" t="s">
        <v>343</v>
      </c>
      <c r="B203" s="66">
        <v>4</v>
      </c>
      <c r="C203" s="67">
        <v>4006</v>
      </c>
      <c r="D203" s="68" t="s">
        <v>331</v>
      </c>
    </row>
    <row r="204" spans="1:4" x14ac:dyDescent="0.15">
      <c r="A204" s="20" t="s">
        <v>345</v>
      </c>
      <c r="B204" s="66">
        <v>4</v>
      </c>
      <c r="C204" s="67">
        <v>4007</v>
      </c>
      <c r="D204" s="68" t="s">
        <v>333</v>
      </c>
    </row>
    <row r="205" spans="1:4" x14ac:dyDescent="0.15">
      <c r="A205" s="20" t="s">
        <v>347</v>
      </c>
      <c r="B205" s="66">
        <v>4</v>
      </c>
      <c r="C205" s="67">
        <v>4008</v>
      </c>
      <c r="D205" s="68" t="s">
        <v>335</v>
      </c>
    </row>
    <row r="206" spans="1:4" x14ac:dyDescent="0.15">
      <c r="A206" s="20" t="s">
        <v>349</v>
      </c>
      <c r="B206" s="66">
        <v>4</v>
      </c>
      <c r="C206" s="67">
        <v>4009</v>
      </c>
      <c r="D206" s="68" t="s">
        <v>337</v>
      </c>
    </row>
    <row r="207" spans="1:4" x14ac:dyDescent="0.15">
      <c r="A207" s="20" t="s">
        <v>351</v>
      </c>
      <c r="B207" s="66">
        <v>4</v>
      </c>
      <c r="C207" s="67">
        <v>4010</v>
      </c>
      <c r="D207" s="68" t="s">
        <v>339</v>
      </c>
    </row>
    <row r="208" spans="1:4" x14ac:dyDescent="0.15">
      <c r="A208" s="20" t="s">
        <v>353</v>
      </c>
      <c r="B208" s="66">
        <v>4</v>
      </c>
      <c r="C208" s="67">
        <v>4011</v>
      </c>
      <c r="D208" s="68" t="s">
        <v>341</v>
      </c>
    </row>
    <row r="209" spans="1:4" x14ac:dyDescent="0.15">
      <c r="A209" s="20" t="s">
        <v>355</v>
      </c>
      <c r="B209" s="66">
        <v>4</v>
      </c>
      <c r="C209" s="67">
        <v>4012</v>
      </c>
      <c r="D209" s="68" t="s">
        <v>342</v>
      </c>
    </row>
    <row r="210" spans="1:4" x14ac:dyDescent="0.15">
      <c r="A210" s="20" t="s">
        <v>355</v>
      </c>
      <c r="B210" s="66">
        <v>4</v>
      </c>
      <c r="C210" s="67">
        <v>4013</v>
      </c>
      <c r="D210" s="68" t="s">
        <v>344</v>
      </c>
    </row>
    <row r="211" spans="1:4" x14ac:dyDescent="0.15">
      <c r="A211" s="20" t="s">
        <v>358</v>
      </c>
      <c r="B211" s="66">
        <v>4</v>
      </c>
      <c r="C211" s="67">
        <v>4014</v>
      </c>
      <c r="D211" s="68" t="s">
        <v>346</v>
      </c>
    </row>
    <row r="212" spans="1:4" x14ac:dyDescent="0.15">
      <c r="A212" s="20" t="s">
        <v>359</v>
      </c>
      <c r="B212" s="66">
        <v>4</v>
      </c>
      <c r="C212" s="67">
        <v>4015</v>
      </c>
      <c r="D212" s="68" t="s">
        <v>348</v>
      </c>
    </row>
    <row r="213" spans="1:4" x14ac:dyDescent="0.15">
      <c r="A213" s="20" t="s">
        <v>361</v>
      </c>
      <c r="B213" s="66">
        <v>4</v>
      </c>
      <c r="C213" s="67">
        <v>4016</v>
      </c>
      <c r="D213" s="68" t="s">
        <v>350</v>
      </c>
    </row>
    <row r="214" spans="1:4" x14ac:dyDescent="0.15">
      <c r="A214" s="20" t="s">
        <v>363</v>
      </c>
      <c r="B214" s="66">
        <v>4</v>
      </c>
      <c r="C214" s="67">
        <v>4017</v>
      </c>
      <c r="D214" s="68" t="s">
        <v>352</v>
      </c>
    </row>
    <row r="215" spans="1:4" x14ac:dyDescent="0.15">
      <c r="A215" s="20" t="s">
        <v>365</v>
      </c>
      <c r="B215" s="66">
        <v>4</v>
      </c>
      <c r="C215" s="67">
        <v>4018</v>
      </c>
      <c r="D215" s="68" t="s">
        <v>354</v>
      </c>
    </row>
    <row r="216" spans="1:4" x14ac:dyDescent="0.15">
      <c r="A216" s="20" t="s">
        <v>367</v>
      </c>
      <c r="B216" s="66">
        <v>4</v>
      </c>
      <c r="C216" s="67">
        <v>4019</v>
      </c>
      <c r="D216" s="68" t="s">
        <v>356</v>
      </c>
    </row>
    <row r="217" spans="1:4" x14ac:dyDescent="0.15">
      <c r="A217" s="20" t="s">
        <v>369</v>
      </c>
      <c r="B217" s="66">
        <v>4</v>
      </c>
      <c r="C217" s="67">
        <v>4020</v>
      </c>
      <c r="D217" s="68" t="s">
        <v>357</v>
      </c>
    </row>
    <row r="218" spans="1:4" x14ac:dyDescent="0.15">
      <c r="A218" s="20" t="s">
        <v>371</v>
      </c>
      <c r="B218" s="66">
        <v>4</v>
      </c>
      <c r="C218" s="67">
        <v>4021</v>
      </c>
      <c r="D218" s="68" t="s">
        <v>475</v>
      </c>
    </row>
    <row r="219" spans="1:4" x14ac:dyDescent="0.15">
      <c r="A219" s="20" t="s">
        <v>373</v>
      </c>
      <c r="B219" s="66">
        <v>4</v>
      </c>
      <c r="C219" s="67">
        <v>4022</v>
      </c>
      <c r="D219" s="68" t="s">
        <v>360</v>
      </c>
    </row>
    <row r="220" spans="1:4" x14ac:dyDescent="0.15">
      <c r="A220" s="20" t="s">
        <v>374</v>
      </c>
      <c r="B220" s="66">
        <v>4</v>
      </c>
      <c r="C220" s="67">
        <v>4023</v>
      </c>
      <c r="D220" s="68" t="s">
        <v>362</v>
      </c>
    </row>
    <row r="221" spans="1:4" x14ac:dyDescent="0.15">
      <c r="A221" s="20" t="s">
        <v>376</v>
      </c>
      <c r="B221" s="66">
        <v>4</v>
      </c>
      <c r="C221" s="67">
        <v>4024</v>
      </c>
      <c r="D221" s="68" t="s">
        <v>364</v>
      </c>
    </row>
    <row r="222" spans="1:4" x14ac:dyDescent="0.15">
      <c r="A222" s="20" t="s">
        <v>378</v>
      </c>
      <c r="B222" s="66">
        <v>4</v>
      </c>
      <c r="C222" s="67">
        <v>4025</v>
      </c>
      <c r="D222" s="68" t="s">
        <v>366</v>
      </c>
    </row>
    <row r="223" spans="1:4" x14ac:dyDescent="0.15">
      <c r="A223" s="20" t="s">
        <v>380</v>
      </c>
      <c r="B223" s="66">
        <v>4</v>
      </c>
      <c r="C223" s="67">
        <v>4026</v>
      </c>
      <c r="D223" s="68" t="s">
        <v>368</v>
      </c>
    </row>
    <row r="224" spans="1:4" x14ac:dyDescent="0.15">
      <c r="A224" s="29" t="s">
        <v>380</v>
      </c>
      <c r="B224" s="66">
        <v>4</v>
      </c>
      <c r="C224" s="67">
        <v>4027</v>
      </c>
      <c r="D224" s="68" t="s">
        <v>370</v>
      </c>
    </row>
    <row r="225" spans="1:4" x14ac:dyDescent="0.15">
      <c r="A225" s="20" t="s">
        <v>383</v>
      </c>
      <c r="B225" s="66">
        <v>4</v>
      </c>
      <c r="C225" s="67">
        <v>4028</v>
      </c>
      <c r="D225" s="68" t="s">
        <v>372</v>
      </c>
    </row>
    <row r="226" spans="1:4" x14ac:dyDescent="0.15">
      <c r="A226" s="20" t="s">
        <v>384</v>
      </c>
      <c r="B226" s="66">
        <v>4</v>
      </c>
      <c r="C226" s="67">
        <v>4029</v>
      </c>
      <c r="D226" s="68"/>
    </row>
    <row r="227" spans="1:4" x14ac:dyDescent="0.15">
      <c r="A227" s="20" t="s">
        <v>384</v>
      </c>
      <c r="B227" s="66">
        <v>4</v>
      </c>
      <c r="C227" s="67">
        <v>4030</v>
      </c>
      <c r="D227" s="68" t="s">
        <v>375</v>
      </c>
    </row>
    <row r="228" spans="1:4" x14ac:dyDescent="0.15">
      <c r="A228" s="20" t="s">
        <v>387</v>
      </c>
      <c r="B228" s="66">
        <v>4</v>
      </c>
      <c r="C228" s="67">
        <v>4031</v>
      </c>
      <c r="D228" s="68" t="s">
        <v>377</v>
      </c>
    </row>
    <row r="229" spans="1:4" x14ac:dyDescent="0.15">
      <c r="A229" s="20" t="s">
        <v>387</v>
      </c>
      <c r="B229" s="66">
        <v>4</v>
      </c>
      <c r="C229" s="67">
        <v>4032</v>
      </c>
      <c r="D229" s="68" t="s">
        <v>379</v>
      </c>
    </row>
    <row r="230" spans="1:4" x14ac:dyDescent="0.15">
      <c r="A230" s="20" t="s">
        <v>388</v>
      </c>
      <c r="B230" s="66">
        <v>4</v>
      </c>
      <c r="C230" s="67">
        <v>4033</v>
      </c>
      <c r="D230" s="68" t="s">
        <v>381</v>
      </c>
    </row>
    <row r="231" spans="1:4" x14ac:dyDescent="0.15">
      <c r="A231" s="20" t="s">
        <v>389</v>
      </c>
      <c r="B231" s="66">
        <v>4</v>
      </c>
      <c r="C231" s="67">
        <v>4034</v>
      </c>
      <c r="D231" s="68" t="s">
        <v>382</v>
      </c>
    </row>
    <row r="232" spans="1:4" x14ac:dyDescent="0.15">
      <c r="A232" s="20" t="s">
        <v>391</v>
      </c>
      <c r="B232" s="66">
        <v>4</v>
      </c>
      <c r="C232" s="67">
        <v>4035</v>
      </c>
      <c r="D232" s="68" t="s">
        <v>476</v>
      </c>
    </row>
    <row r="233" spans="1:4" x14ac:dyDescent="0.15">
      <c r="A233" s="29" t="s">
        <v>393</v>
      </c>
      <c r="B233" s="66">
        <v>4</v>
      </c>
      <c r="C233" s="67">
        <v>4036</v>
      </c>
      <c r="D233" s="68" t="s">
        <v>385</v>
      </c>
    </row>
    <row r="234" spans="1:4" x14ac:dyDescent="0.15">
      <c r="A234" s="29" t="s">
        <v>395</v>
      </c>
      <c r="B234" s="66">
        <v>4</v>
      </c>
      <c r="C234" s="67">
        <v>4037</v>
      </c>
      <c r="D234" s="68" t="s">
        <v>386</v>
      </c>
    </row>
    <row r="235" spans="1:4" x14ac:dyDescent="0.15">
      <c r="A235" s="29" t="s">
        <v>396</v>
      </c>
      <c r="B235" s="66">
        <v>4</v>
      </c>
      <c r="C235" s="67">
        <v>4038</v>
      </c>
      <c r="D235" s="68" t="s">
        <v>477</v>
      </c>
    </row>
    <row r="236" spans="1:4" x14ac:dyDescent="0.15">
      <c r="A236" s="29" t="s">
        <v>398</v>
      </c>
      <c r="B236" s="66">
        <v>4</v>
      </c>
      <c r="C236" s="67">
        <v>4039</v>
      </c>
      <c r="D236" s="68"/>
    </row>
    <row r="237" spans="1:4" x14ac:dyDescent="0.15">
      <c r="A237" s="20" t="s">
        <v>400</v>
      </c>
      <c r="B237" s="66">
        <v>4</v>
      </c>
      <c r="C237" s="67">
        <v>4040</v>
      </c>
      <c r="D237" s="70"/>
    </row>
    <row r="238" spans="1:4" x14ac:dyDescent="0.15">
      <c r="A238" s="20" t="s">
        <v>402</v>
      </c>
      <c r="B238" s="66">
        <v>4</v>
      </c>
      <c r="C238" s="67">
        <v>4041</v>
      </c>
      <c r="D238" s="68" t="s">
        <v>390</v>
      </c>
    </row>
    <row r="239" spans="1:4" x14ac:dyDescent="0.15">
      <c r="A239" s="20"/>
      <c r="B239" s="66">
        <v>4</v>
      </c>
      <c r="C239" s="67">
        <v>4042</v>
      </c>
      <c r="D239" s="68" t="s">
        <v>392</v>
      </c>
    </row>
    <row r="240" spans="1:4" x14ac:dyDescent="0.15">
      <c r="A240" s="29" t="s">
        <v>403</v>
      </c>
      <c r="B240" s="66">
        <v>4</v>
      </c>
      <c r="C240" s="67">
        <v>4043</v>
      </c>
      <c r="D240" s="70" t="s">
        <v>394</v>
      </c>
    </row>
    <row r="241" spans="1:4" x14ac:dyDescent="0.15">
      <c r="A241" s="29" t="s">
        <v>404</v>
      </c>
      <c r="B241" s="66">
        <v>4</v>
      </c>
      <c r="C241" s="67">
        <v>4044</v>
      </c>
      <c r="D241" s="68" t="s">
        <v>478</v>
      </c>
    </row>
    <row r="242" spans="1:4" x14ac:dyDescent="0.15">
      <c r="A242" s="29" t="s">
        <v>405</v>
      </c>
      <c r="B242" s="66">
        <v>4</v>
      </c>
      <c r="C242" s="67">
        <v>4045</v>
      </c>
      <c r="D242" s="68" t="s">
        <v>397</v>
      </c>
    </row>
    <row r="243" spans="1:4" x14ac:dyDescent="0.15">
      <c r="A243" s="29" t="s">
        <v>407</v>
      </c>
      <c r="B243" s="66">
        <v>4</v>
      </c>
      <c r="C243" s="67">
        <v>4046</v>
      </c>
      <c r="D243" s="68" t="s">
        <v>399</v>
      </c>
    </row>
    <row r="244" spans="1:4" x14ac:dyDescent="0.15">
      <c r="A244" s="29" t="s">
        <v>408</v>
      </c>
      <c r="B244" s="66">
        <v>4</v>
      </c>
      <c r="C244" s="67">
        <v>4047</v>
      </c>
      <c r="D244" s="68" t="s">
        <v>401</v>
      </c>
    </row>
    <row r="245" spans="1:4" x14ac:dyDescent="0.15">
      <c r="A245" s="29" t="s">
        <v>410</v>
      </c>
      <c r="B245" s="66">
        <v>4</v>
      </c>
      <c r="C245" s="67">
        <v>4048</v>
      </c>
      <c r="D245" s="68"/>
    </row>
    <row r="246" spans="1:4" x14ac:dyDescent="0.15">
      <c r="A246" s="29" t="s">
        <v>412</v>
      </c>
      <c r="B246" s="66">
        <v>4</v>
      </c>
      <c r="C246" s="67">
        <v>4049</v>
      </c>
      <c r="D246" s="68" t="s">
        <v>479</v>
      </c>
    </row>
    <row r="247" spans="1:4" x14ac:dyDescent="0.15">
      <c r="A247" s="29" t="s">
        <v>413</v>
      </c>
      <c r="B247" s="66">
        <v>4</v>
      </c>
      <c r="C247" s="67">
        <v>4050</v>
      </c>
      <c r="D247" s="68" t="s">
        <v>480</v>
      </c>
    </row>
    <row r="248" spans="1:4" x14ac:dyDescent="0.15">
      <c r="A248" s="29" t="s">
        <v>414</v>
      </c>
      <c r="B248" s="66">
        <v>4</v>
      </c>
      <c r="C248" s="67">
        <v>4051</v>
      </c>
      <c r="D248" s="69" t="s">
        <v>481</v>
      </c>
    </row>
    <row r="249" spans="1:4" ht="14.25" thickBot="1" x14ac:dyDescent="0.2">
      <c r="A249" s="28" t="s">
        <v>416</v>
      </c>
      <c r="B249" s="66">
        <v>4</v>
      </c>
      <c r="C249" s="67">
        <v>4052</v>
      </c>
      <c r="D249" s="69" t="s">
        <v>482</v>
      </c>
    </row>
    <row r="250" spans="1:4" x14ac:dyDescent="0.15">
      <c r="B250" s="66">
        <v>4</v>
      </c>
      <c r="C250" s="67">
        <v>4101</v>
      </c>
      <c r="D250" s="68" t="s">
        <v>483</v>
      </c>
    </row>
    <row r="251" spans="1:4" x14ac:dyDescent="0.15">
      <c r="B251" s="66">
        <v>4</v>
      </c>
      <c r="C251" s="67">
        <v>4102</v>
      </c>
      <c r="D251" s="68" t="s">
        <v>406</v>
      </c>
    </row>
    <row r="252" spans="1:4" x14ac:dyDescent="0.15">
      <c r="B252" s="66">
        <v>4</v>
      </c>
      <c r="C252" s="67">
        <v>4103</v>
      </c>
      <c r="D252" s="68" t="s">
        <v>484</v>
      </c>
    </row>
    <row r="253" spans="1:4" x14ac:dyDescent="0.15">
      <c r="B253" s="66">
        <v>4</v>
      </c>
      <c r="C253" s="67">
        <v>4104</v>
      </c>
      <c r="D253" s="68" t="s">
        <v>409</v>
      </c>
    </row>
    <row r="254" spans="1:4" x14ac:dyDescent="0.15">
      <c r="B254" s="66">
        <v>4</v>
      </c>
      <c r="C254" s="67">
        <v>4105</v>
      </c>
      <c r="D254" s="68" t="s">
        <v>411</v>
      </c>
    </row>
    <row r="255" spans="1:4" x14ac:dyDescent="0.15">
      <c r="B255" s="66">
        <v>4</v>
      </c>
      <c r="C255" s="67">
        <v>4106</v>
      </c>
      <c r="D255" s="68" t="s">
        <v>485</v>
      </c>
    </row>
    <row r="256" spans="1:4" x14ac:dyDescent="0.15">
      <c r="B256" s="66">
        <v>4</v>
      </c>
      <c r="C256" s="67">
        <v>4107</v>
      </c>
      <c r="D256" s="68" t="s">
        <v>486</v>
      </c>
    </row>
    <row r="257" spans="2:4" x14ac:dyDescent="0.15">
      <c r="B257" s="66">
        <v>4</v>
      </c>
      <c r="C257" s="67">
        <v>4108</v>
      </c>
      <c r="D257" s="68" t="s">
        <v>415</v>
      </c>
    </row>
    <row r="258" spans="2:4" x14ac:dyDescent="0.15">
      <c r="B258" s="66">
        <v>4</v>
      </c>
      <c r="C258" s="67">
        <v>4109</v>
      </c>
      <c r="D258" s="68" t="s">
        <v>417</v>
      </c>
    </row>
    <row r="259" spans="2:4" ht="14.25" thickBot="1" x14ac:dyDescent="0.2">
      <c r="B259" s="71">
        <v>4</v>
      </c>
      <c r="C259" s="72">
        <v>4200</v>
      </c>
      <c r="D259" s="73" t="s">
        <v>487</v>
      </c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入会申込書</vt:lpstr>
      <vt:lpstr>学校番号</vt:lpstr>
      <vt:lpstr>入会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村　和旦</dc:creator>
  <cp:lastModifiedBy>ShiraiMiyako</cp:lastModifiedBy>
  <cp:lastPrinted>2021-01-25T01:39:12Z</cp:lastPrinted>
  <dcterms:created xsi:type="dcterms:W3CDTF">2021-01-25T01:35:20Z</dcterms:created>
  <dcterms:modified xsi:type="dcterms:W3CDTF">2025-03-31T05:21:29Z</dcterms:modified>
</cp:coreProperties>
</file>